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8"/>
  </p:notesMasterIdLst>
  <p:handoutMasterIdLst>
    <p:handoutMasterId r:id="rId9"/>
  </p:handoutMasterIdLst>
  <p:sldIdLst>
    <p:sldId id="329" r:id="rId2"/>
    <p:sldId id="285" r:id="rId3"/>
    <p:sldId id="286" r:id="rId4"/>
    <p:sldId id="288" r:id="rId5"/>
    <p:sldId id="289" r:id="rId6"/>
    <p:sldId id="290" r:id="rId7"/>
  </p:sldIdLst>
  <p:sldSz cx="9144000" cy="6858000" type="screen4x3"/>
  <p:notesSz cx="6742113" cy="9872663"/>
  <p:custDataLst>
    <p:tags r:id="rId10"/>
  </p:custDataLst>
  <p:defaultTextStyle>
    <a:defPPr>
      <a:defRPr lang="ja-JP"/>
    </a:defPPr>
    <a:lvl1pPr marL="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09" userDrawn="1">
          <p15:clr>
            <a:srgbClr val="A4A3A4"/>
          </p15:clr>
        </p15:guide>
        <p15:guide id="2" pos="2124" userDrawn="1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learning_dev01" initials="l" lastIdx="4" clrIdx="0"/>
  <p:cmAuthor id="2" name="Human Science" initials="H" lastIdx="23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614700"/>
    <a:srgbClr val="83BC5C"/>
    <a:srgbClr val="F8D827"/>
    <a:srgbClr val="99CCFF"/>
    <a:srgbClr val="BED090"/>
    <a:srgbClr val="B0D888"/>
    <a:srgbClr val="442CF4"/>
    <a:srgbClr val="2B95F5"/>
    <a:srgbClr val="F4862C"/>
    <a:srgbClr val="B0D58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0867" autoAdjust="0"/>
    <p:restoredTop sz="89055" autoAdjust="0"/>
  </p:normalViewPr>
  <p:slideViewPr>
    <p:cSldViewPr snapToGrid="0">
      <p:cViewPr>
        <p:scale>
          <a:sx n="75" d="100"/>
          <a:sy n="75" d="100"/>
        </p:scale>
        <p:origin x="1886" y="21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 varScale="1">
        <p:scale>
          <a:sx n="76" d="100"/>
          <a:sy n="76" d="100"/>
        </p:scale>
        <p:origin x="-3930" y="-90"/>
      </p:cViewPr>
      <p:guideLst>
        <p:guide orient="horz" pos="3109"/>
        <p:guide pos="212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commentAuthors" Target="commentAuthors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Relationship Id="rId14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sz="quarter" idx="1"/>
          </p:nvPr>
        </p:nvSpPr>
        <p:spPr>
          <a:xfrm>
            <a:off x="3819525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04841BC4-3255-4701-84DC-7BA76BD3BC38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フッター プレースホルダー 3"/>
          <p:cNvSpPr>
            <a:spLocks noGrp="1"/>
          </p:cNvSpPr>
          <p:nvPr>
            <p:ph type="ftr" sz="quarter" idx="2"/>
          </p:nvPr>
        </p:nvSpPr>
        <p:spPr>
          <a:xfrm>
            <a:off x="0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5" name="スライド番号プレースホルダー 4"/>
          <p:cNvSpPr>
            <a:spLocks noGrp="1"/>
          </p:cNvSpPr>
          <p:nvPr>
            <p:ph type="sldNum" sz="quarter" idx="3"/>
          </p:nvPr>
        </p:nvSpPr>
        <p:spPr>
          <a:xfrm>
            <a:off x="3819525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8811A537-B1DC-4DC8-8C68-2B4954D54BC9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3767560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idx="1"/>
          </p:nvPr>
        </p:nvSpPr>
        <p:spPr>
          <a:xfrm>
            <a:off x="3818971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957A1FB4-E895-4F2F-AE02-D5808EBC5EEE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スライド イメージ プレースホルダー 3"/>
          <p:cNvSpPr>
            <a:spLocks noGrp="1" noRot="1" noChangeAspect="1"/>
          </p:cNvSpPr>
          <p:nvPr>
            <p:ph type="sldImg" idx="2"/>
          </p:nvPr>
        </p:nvSpPr>
        <p:spPr>
          <a:xfrm>
            <a:off x="903288" y="739775"/>
            <a:ext cx="4935537" cy="3703638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31" tIns="45716" rIns="91431" bIns="45716" rtlCol="0" anchor="ctr"/>
          <a:lstStyle/>
          <a:p>
            <a:endParaRPr lang="ja-JP" altLang="en-US"/>
          </a:p>
        </p:txBody>
      </p:sp>
      <p:sp>
        <p:nvSpPr>
          <p:cNvPr id="5" name="ノート プレースホルダー 4"/>
          <p:cNvSpPr>
            <a:spLocks noGrp="1"/>
          </p:cNvSpPr>
          <p:nvPr>
            <p:ph type="body" sz="quarter" idx="3"/>
          </p:nvPr>
        </p:nvSpPr>
        <p:spPr>
          <a:xfrm>
            <a:off x="674212" y="4689515"/>
            <a:ext cx="5393690" cy="4442698"/>
          </a:xfrm>
          <a:prstGeom prst="rect">
            <a:avLst/>
          </a:prstGeom>
        </p:spPr>
        <p:txBody>
          <a:bodyPr vert="horz" lIns="91431" tIns="45716" rIns="91431" bIns="45716" rtlCol="0"/>
          <a:lstStyle/>
          <a:p>
            <a:pPr lvl="0"/>
            <a:r>
              <a:rPr kumimoji="1" lang="ja-JP" altLang="en-US"/>
              <a:t>マスター テキストの書式設定</a:t>
            </a:r>
          </a:p>
          <a:p>
            <a:pPr lvl="1"/>
            <a:r>
              <a:rPr kumimoji="1" lang="ja-JP" altLang="en-US"/>
              <a:t>第 </a:t>
            </a:r>
            <a:r>
              <a:rPr kumimoji="1" lang="en-US" altLang="ja-JP"/>
              <a:t>2 </a:t>
            </a:r>
            <a:r>
              <a:rPr kumimoji="1" lang="ja-JP" altLang="en-US"/>
              <a:t>レベル</a:t>
            </a:r>
          </a:p>
          <a:p>
            <a:pPr lvl="2"/>
            <a:r>
              <a:rPr kumimoji="1" lang="ja-JP" altLang="en-US"/>
              <a:t>第 </a:t>
            </a:r>
            <a:r>
              <a:rPr kumimoji="1" lang="en-US" altLang="ja-JP"/>
              <a:t>3 </a:t>
            </a:r>
            <a:r>
              <a:rPr kumimoji="1" lang="ja-JP" altLang="en-US"/>
              <a:t>レベル</a:t>
            </a:r>
          </a:p>
          <a:p>
            <a:pPr lvl="3"/>
            <a:r>
              <a:rPr kumimoji="1" lang="ja-JP" altLang="en-US"/>
              <a:t>第 </a:t>
            </a:r>
            <a:r>
              <a:rPr kumimoji="1" lang="en-US" altLang="ja-JP"/>
              <a:t>4 </a:t>
            </a:r>
            <a:r>
              <a:rPr kumimoji="1" lang="ja-JP" altLang="en-US"/>
              <a:t>レベル</a:t>
            </a:r>
          </a:p>
          <a:p>
            <a:pPr lvl="4"/>
            <a:r>
              <a:rPr kumimoji="1" lang="ja-JP" altLang="en-US"/>
              <a:t>第 </a:t>
            </a:r>
            <a:r>
              <a:rPr kumimoji="1" lang="en-US" altLang="ja-JP"/>
              <a:t>5 </a:t>
            </a:r>
            <a:r>
              <a:rPr kumimoji="1" lang="ja-JP" altLang="en-US"/>
              <a:t>レベル</a:t>
            </a:r>
          </a:p>
        </p:txBody>
      </p:sp>
      <p:sp>
        <p:nvSpPr>
          <p:cNvPr id="6" name="フッター プレースホルダー 5"/>
          <p:cNvSpPr>
            <a:spLocks noGrp="1"/>
          </p:cNvSpPr>
          <p:nvPr>
            <p:ph type="ftr" sz="quarter" idx="4"/>
          </p:nvPr>
        </p:nvSpPr>
        <p:spPr>
          <a:xfrm>
            <a:off x="0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7" name="スライド番号プレースホルダー 6"/>
          <p:cNvSpPr>
            <a:spLocks noGrp="1"/>
          </p:cNvSpPr>
          <p:nvPr>
            <p:ph type="sldNum" sz="quarter" idx="5"/>
          </p:nvPr>
        </p:nvSpPr>
        <p:spPr>
          <a:xfrm>
            <a:off x="3818971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3A2ADF00-AF12-48AC-B547-A09800EB06B8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9419904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  <p:notesStyle>
    <a:lvl1pPr marL="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18851728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9578063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23116792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44018283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52551274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19934303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1.wdp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2.wdp"/></Relationships>
</file>

<file path=ppt/slideLayouts/_rels/slideLayout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image" Target="../media/image7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11" Type="http://schemas.microsoft.com/office/2007/relationships/hdphoto" Target="../media/hdphoto4.wdp"/><Relationship Id="rId5" Type="http://schemas.microsoft.com/office/2007/relationships/hdphoto" Target="../media/hdphoto2.wdp"/><Relationship Id="rId10" Type="http://schemas.openxmlformats.org/officeDocument/2006/relationships/image" Target="../media/image9.png"/><Relationship Id="rId4" Type="http://schemas.openxmlformats.org/officeDocument/2006/relationships/image" Target="../media/image6.png"/><Relationship Id="rId9" Type="http://schemas.microsoft.com/office/2007/relationships/hdphoto" Target="../media/hdphoto3.wdp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タイトル スライド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ja-JP" altLang="en-US"/>
              <a:t>マスター サブタイトルの書式設定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7253016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67647047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タイトルの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1501352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白紙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91782904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タイトル付きの&#10;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6995406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タイトル付きの図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ja-JP" altLang="en-US"/>
              <a:t>図を追加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44237592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329030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縦書き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1062750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gradFill flip="none" rotWithShape="1">
            <a:gsLst>
              <a:gs pos="0">
                <a:srgbClr val="FFD1E1"/>
              </a:gs>
              <a:gs pos="74000">
                <a:srgbClr val="FFE5FF"/>
              </a:gs>
              <a:gs pos="100000">
                <a:schemeClr val="bg1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5542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7613272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正方形/長方形 10"/>
          <p:cNvSpPr/>
          <p:nvPr userDrawn="1"/>
        </p:nvSpPr>
        <p:spPr>
          <a:xfrm>
            <a:off x="0" y="0"/>
            <a:ext cx="9144000" cy="6858000"/>
          </a:xfrm>
          <a:prstGeom prst="rect">
            <a:avLst/>
          </a:prstGeom>
          <a:gradFill flip="none" rotWithShape="1">
            <a:gsLst>
              <a:gs pos="0">
                <a:srgbClr val="A4BEF2"/>
              </a:gs>
              <a:gs pos="74000">
                <a:srgbClr val="B9E1FD"/>
              </a:gs>
              <a:gs pos="100000">
                <a:srgbClr val="E6EDF6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 dirty="0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5542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83914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9"/>
          <p:cNvSpPr/>
          <p:nvPr userDrawn="1"/>
        </p:nvSpPr>
        <p:spPr>
          <a:xfrm>
            <a:off x="0" y="0"/>
            <a:ext cx="9144000" cy="6857999"/>
          </a:xfrm>
          <a:prstGeom prst="rect">
            <a:avLst/>
          </a:prstGeom>
          <a:gradFill flip="none" rotWithShape="1">
            <a:gsLst>
              <a:gs pos="100000">
                <a:schemeClr val="accent6">
                  <a:lumMod val="40000"/>
                  <a:lumOff val="60000"/>
                </a:schemeClr>
              </a:gs>
              <a:gs pos="50000">
                <a:schemeClr val="bg1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5542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000" y="6492874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8021732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solidFill>
            <a:srgbClr val="FFD1E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5542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9201165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698" r="26766" b="53451"/>
          <a:stretch/>
        </p:blipFill>
        <p:spPr bwMode="auto">
          <a:xfrm>
            <a:off x="0" y="1"/>
            <a:ext cx="914400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2" descr="C:\Users\user000\Desktop\ICTすだちくん（JPG）\正面.aiのコピー.jp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4619" b="89954" l="2920" r="95499">
                        <a14:foregroundMark x1="40633" y1="46189" x2="60827" y2="47806"/>
                        <a14:foregroundMark x1="31630" y1="65589" x2="32603" y2="70092"/>
                        <a14:foregroundMark x1="28589" y1="66397" x2="39659" y2="68014"/>
                        <a14:foregroundMark x1="33698" y1="74827" x2="33090" y2="61663"/>
                        <a14:foregroundMark x1="56569" y1="63164" x2="70438" y2="74134"/>
                        <a14:backgroundMark x1="28467" y1="63510" x2="29440" y2="64434"/>
                        <a14:backgroundMark x1="16910" y1="55312" x2="26642" y2="64896"/>
                        <a14:backgroundMark x1="18613" y1="55312" x2="26277" y2="63164"/>
                        <a14:backgroundMark x1="19708" y1="54734" x2="23114" y2="59238"/>
                        <a14:backgroundMark x1="23358" y1="60162" x2="27494" y2="63048"/>
                        <a14:backgroundMark x1="23601" y1="59815" x2="23601" y2="59815"/>
                        <a14:backgroundMark x1="23236" y1="59584" x2="24818" y2="61201"/>
                        <a14:backgroundMark x1="15693" y1="56928" x2="25182" y2="65012"/>
                        <a14:backgroundMark x1="14355" y1="59469" x2="25669" y2="65012"/>
                        <a14:backgroundMark x1="15572" y1="65358" x2="25304" y2="65473"/>
                        <a14:backgroundMark x1="17640" y1="69746" x2="26521" y2="68014"/>
                        <a14:backgroundMark x1="24331" y1="67667" x2="28467" y2="65012"/>
                        <a14:backgroundMark x1="27981" y1="65704" x2="25912" y2="71478"/>
                        <a14:backgroundMark x1="68005" y1="64781" x2="75791" y2="75520"/>
                        <a14:backgroundMark x1="67640" y1="64088" x2="76277" y2="61547"/>
                        <a14:backgroundMark x1="69221" y1="62356" x2="75061" y2="60970"/>
                        <a14:backgroundMark x1="69830" y1="61432" x2="74939" y2="58083"/>
                        <a14:backgroundMark x1="77981" y1="53002" x2="72993" y2="59700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9212" y="384092"/>
            <a:ext cx="4397976" cy="46334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正方形/長方形 8"/>
          <p:cNvSpPr/>
          <p:nvPr userDrawn="1"/>
        </p:nvSpPr>
        <p:spPr>
          <a:xfrm>
            <a:off x="882766" y="3152550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0" name="正方形/長方形 9"/>
          <p:cNvSpPr/>
          <p:nvPr userDrawn="1"/>
        </p:nvSpPr>
        <p:spPr>
          <a:xfrm>
            <a:off x="895136" y="3166953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2" name="円/楕円 11"/>
          <p:cNvSpPr/>
          <p:nvPr userDrawn="1"/>
        </p:nvSpPr>
        <p:spPr>
          <a:xfrm>
            <a:off x="2391446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円/楕円 15"/>
          <p:cNvSpPr/>
          <p:nvPr userDrawn="1"/>
        </p:nvSpPr>
        <p:spPr>
          <a:xfrm>
            <a:off x="6127118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5136" y="3429000"/>
            <a:ext cx="7313094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19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5660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61060154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0" y="1"/>
            <a:ext cx="9150349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" name="正方形/長方形 18"/>
          <p:cNvSpPr/>
          <p:nvPr userDrawn="1"/>
        </p:nvSpPr>
        <p:spPr>
          <a:xfrm>
            <a:off x="1564206" y="3453327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0" name="正方形/長方形 19"/>
          <p:cNvSpPr/>
          <p:nvPr userDrawn="1"/>
        </p:nvSpPr>
        <p:spPr>
          <a:xfrm>
            <a:off x="1576576" y="3467730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2" name="円/楕円 21"/>
          <p:cNvSpPr/>
          <p:nvPr userDrawn="1"/>
        </p:nvSpPr>
        <p:spPr>
          <a:xfrm>
            <a:off x="1343350" y="3849803"/>
            <a:ext cx="366576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75166" y="3751206"/>
            <a:ext cx="7202134" cy="2914424"/>
          </a:xfrm>
        </p:spPr>
        <p:txBody>
          <a:bodyPr anchor="ctr">
            <a:normAutofit/>
          </a:bodyPr>
          <a:lstStyle>
            <a:lvl1pPr algn="ctr">
              <a:lnSpc>
                <a:spcPts val="7600"/>
              </a:lnSpc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6526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04016959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1" y="1"/>
            <a:ext cx="906018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4" name="Picture 2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143" t="48627" r="36251"/>
          <a:stretch/>
        </p:blipFill>
        <p:spPr bwMode="auto">
          <a:xfrm rot="10800000">
            <a:off x="6640706" y="756827"/>
            <a:ext cx="2503293" cy="264582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正方形/長方形 10"/>
          <p:cNvSpPr/>
          <p:nvPr userDrawn="1"/>
        </p:nvSpPr>
        <p:spPr>
          <a:xfrm rot="-60000">
            <a:off x="6571055" y="754203"/>
            <a:ext cx="76311" cy="2659514"/>
          </a:xfrm>
          <a:prstGeom prst="rect">
            <a:avLst/>
          </a:prstGeom>
          <a:solidFill>
            <a:schemeClr val="bg1"/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正方形/長方形 19"/>
          <p:cNvSpPr/>
          <p:nvPr userDrawn="1"/>
        </p:nvSpPr>
        <p:spPr>
          <a:xfrm>
            <a:off x="1537632" y="3429000"/>
            <a:ext cx="7612718" cy="3429000"/>
          </a:xfrm>
          <a:prstGeom prst="rect">
            <a:avLst/>
          </a:prstGeom>
          <a:solidFill>
            <a:srgbClr val="FFFFFF"/>
          </a:solidFill>
          <a:ln w="88900"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841500" y="3751206"/>
            <a:ext cx="7035800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chemeClr val="accent6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5833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  <p:grpSp>
        <p:nvGrpSpPr>
          <p:cNvPr id="32" name="グループ化 31"/>
          <p:cNvGrpSpPr/>
          <p:nvPr userDrawn="1"/>
        </p:nvGrpSpPr>
        <p:grpSpPr>
          <a:xfrm>
            <a:off x="1520288" y="3407832"/>
            <a:ext cx="7623712" cy="93426"/>
            <a:chOff x="1520288" y="3407832"/>
            <a:chExt cx="7623712" cy="93426"/>
          </a:xfrm>
        </p:grpSpPr>
        <p:cxnSp>
          <p:nvCxnSpPr>
            <p:cNvPr id="4" name="直線コネクタ 3"/>
            <p:cNvCxnSpPr/>
            <p:nvPr userDrawn="1"/>
          </p:nvCxnSpPr>
          <p:spPr>
            <a:xfrm flipV="1">
              <a:off x="1520288" y="3407832"/>
              <a:ext cx="7623712" cy="2116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9" name="直線コネクタ 28"/>
            <p:cNvCxnSpPr/>
            <p:nvPr userDrawn="1"/>
          </p:nvCxnSpPr>
          <p:spPr>
            <a:xfrm flipV="1">
              <a:off x="1601425" y="3480430"/>
              <a:ext cx="7542575" cy="2082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33" name="グループ化 32"/>
          <p:cNvGrpSpPr/>
          <p:nvPr userDrawn="1"/>
        </p:nvGrpSpPr>
        <p:grpSpPr>
          <a:xfrm rot="5400000" flipV="1">
            <a:off x="-171431" y="5093609"/>
            <a:ext cx="3452286" cy="93430"/>
            <a:chOff x="1520288" y="3407832"/>
            <a:chExt cx="8912595" cy="93430"/>
          </a:xfrm>
        </p:grpSpPr>
        <p:cxnSp>
          <p:nvCxnSpPr>
            <p:cNvPr id="34" name="直線コネクタ 33"/>
            <p:cNvCxnSpPr/>
            <p:nvPr userDrawn="1"/>
          </p:nvCxnSpPr>
          <p:spPr>
            <a:xfrm rot="5400000" flipH="1" flipV="1">
              <a:off x="5955072" y="-1026952"/>
              <a:ext cx="21168" cy="889073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5" name="直線コネクタ 34"/>
            <p:cNvCxnSpPr/>
            <p:nvPr userDrawn="1"/>
          </p:nvCxnSpPr>
          <p:spPr>
            <a:xfrm rot="5400000" flipH="1" flipV="1">
              <a:off x="6064905" y="-866716"/>
              <a:ext cx="24851" cy="8711105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2" name="円/楕円 21"/>
          <p:cNvSpPr/>
          <p:nvPr userDrawn="1"/>
        </p:nvSpPr>
        <p:spPr>
          <a:xfrm>
            <a:off x="1312572" y="3833136"/>
            <a:ext cx="385275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88900">
            <a:solidFill>
              <a:schemeClr val="tx1"/>
            </a:solidFill>
          </a:ln>
          <a:effectLst>
            <a:softEdge rad="12700"/>
          </a:effectLst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grpSp>
        <p:nvGrpSpPr>
          <p:cNvPr id="21" name="グループ化 20"/>
          <p:cNvGrpSpPr/>
          <p:nvPr userDrawn="1"/>
        </p:nvGrpSpPr>
        <p:grpSpPr>
          <a:xfrm rot="5400000">
            <a:off x="5284193" y="2027834"/>
            <a:ext cx="2626626" cy="139409"/>
            <a:chOff x="900523" y="3387507"/>
            <a:chExt cx="8243479" cy="139410"/>
          </a:xfrm>
        </p:grpSpPr>
        <p:cxnSp>
          <p:nvCxnSpPr>
            <p:cNvPr id="25" name="直線コネクタ 24"/>
            <p:cNvCxnSpPr/>
            <p:nvPr userDrawn="1"/>
          </p:nvCxnSpPr>
          <p:spPr>
            <a:xfrm rot="16200000">
              <a:off x="5002407" y="-714377"/>
              <a:ext cx="39711" cy="8243479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直線コネクタ 26"/>
            <p:cNvCxnSpPr/>
            <p:nvPr userDrawn="1"/>
          </p:nvCxnSpPr>
          <p:spPr>
            <a:xfrm rot="16200000">
              <a:off x="4999017" y="-618064"/>
              <a:ext cx="46487" cy="824347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0" name="正方形/長方形 9"/>
          <p:cNvSpPr/>
          <p:nvPr userDrawn="1"/>
        </p:nvSpPr>
        <p:spPr>
          <a:xfrm>
            <a:off x="6590296" y="3388519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30" name="正方形/長方形 29"/>
          <p:cNvSpPr/>
          <p:nvPr userDrawn="1"/>
        </p:nvSpPr>
        <p:spPr>
          <a:xfrm>
            <a:off x="6551045" y="733768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3075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417543" flipH="1">
            <a:off x="6803697" y="1289032"/>
            <a:ext cx="1996618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 rotWithShape="1"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-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r="77210"/>
          <a:stretch/>
        </p:blipFill>
        <p:spPr bwMode="auto">
          <a:xfrm>
            <a:off x="8688977" y="1251948"/>
            <a:ext cx="455023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782876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つ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84630758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553868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72" r:id="rId3"/>
    <p:sldLayoutId id="2147483673" r:id="rId4"/>
    <p:sldLayoutId id="2147483674" r:id="rId5"/>
    <p:sldLayoutId id="2147483663" r:id="rId6"/>
    <p:sldLayoutId id="2147483675" r:id="rId7"/>
    <p:sldLayoutId id="2147483676" r:id="rId8"/>
    <p:sldLayoutId id="2147483664" r:id="rId9"/>
    <p:sldLayoutId id="2147483665" r:id="rId10"/>
    <p:sldLayoutId id="2147483666" r:id="rId11"/>
    <p:sldLayoutId id="2147483667" r:id="rId12"/>
    <p:sldLayoutId id="2147483668" r:id="rId13"/>
    <p:sldLayoutId id="2147483669" r:id="rId14"/>
    <p:sldLayoutId id="2147483670" r:id="rId15"/>
    <p:sldLayoutId id="2147483671" r:id="rId1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kumimoji="1"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kumimoji="1"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3.xml"/><Relationship Id="rId6" Type="http://schemas.openxmlformats.org/officeDocument/2006/relationships/image" Target="../media/image11.png"/><Relationship Id="rId5" Type="http://schemas.microsoft.com/office/2007/relationships/hdphoto" Target="../media/hdphoto5.wdp"/><Relationship Id="rId4" Type="http://schemas.openxmlformats.org/officeDocument/2006/relationships/image" Target="../media/image1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4" Type="http://schemas.openxmlformats.org/officeDocument/2006/relationships/image" Target="../media/image12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4.xml"/><Relationship Id="rId7" Type="http://schemas.microsoft.com/office/2007/relationships/hdphoto" Target="../media/hdphoto5.wdp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5.xml"/><Relationship Id="rId6" Type="http://schemas.openxmlformats.org/officeDocument/2006/relationships/image" Target="../media/image10.png"/><Relationship Id="rId11" Type="http://schemas.openxmlformats.org/officeDocument/2006/relationships/image" Target="../media/image17.png"/><Relationship Id="rId5" Type="http://schemas.openxmlformats.org/officeDocument/2006/relationships/image" Target="../media/image14.png"/><Relationship Id="rId10" Type="http://schemas.microsoft.com/office/2007/relationships/hdphoto" Target="../media/hdphoto6.wdp"/><Relationship Id="rId4" Type="http://schemas.openxmlformats.org/officeDocument/2006/relationships/image" Target="../media/image13.png"/><Relationship Id="rId9" Type="http://schemas.openxmlformats.org/officeDocument/2006/relationships/image" Target="../media/image16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2.pn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21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6.xml"/><Relationship Id="rId6" Type="http://schemas.openxmlformats.org/officeDocument/2006/relationships/image" Target="../media/image20.png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7.xml"/><Relationship Id="rId6" Type="http://schemas.openxmlformats.org/officeDocument/2006/relationships/image" Target="../media/image25.png"/><Relationship Id="rId5" Type="http://schemas.openxmlformats.org/officeDocument/2006/relationships/image" Target="../media/image24.png"/><Relationship Id="rId4" Type="http://schemas.openxmlformats.org/officeDocument/2006/relationships/image" Target="../media/image2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タイトル 5"/>
          <p:cNvSpPr>
            <a:spLocks noGrp="1"/>
          </p:cNvSpPr>
          <p:nvPr>
            <p:ph type="title"/>
          </p:nvPr>
        </p:nvSpPr>
        <p:spPr>
          <a:xfrm>
            <a:off x="1675166" y="3503556"/>
            <a:ext cx="7202134" cy="2914424"/>
          </a:xfrm>
        </p:spPr>
        <p:txBody>
          <a:bodyPr/>
          <a:lstStyle/>
          <a:p>
            <a:pPr algn="ctr"/>
            <a:r>
              <a:rPr lang="ja-JP" altLang="en-US" sz="4000" dirty="0"/>
              <a:t>だい</a:t>
            </a:r>
            <a:r>
              <a:rPr lang="en-US" altLang="ja-JP" sz="4000" dirty="0"/>
              <a:t>6</a:t>
            </a:r>
            <a:r>
              <a:rPr lang="ja-JP" altLang="en-US" sz="4000" dirty="0"/>
              <a:t>話</a:t>
            </a:r>
            <a:br>
              <a:rPr lang="en-US" altLang="ja-JP" sz="4000" dirty="0"/>
            </a:br>
            <a:r>
              <a:rPr lang="ja-JP" altLang="en-US" dirty="0"/>
              <a:t>悪口を書かない</a:t>
            </a:r>
          </a:p>
        </p:txBody>
      </p:sp>
      <p:sp>
        <p:nvSpPr>
          <p:cNvPr id="3" name="テキスト プレースホルダー 2"/>
          <p:cNvSpPr>
            <a:spLocks noGrp="1"/>
          </p:cNvSpPr>
          <p:nvPr>
            <p:ph type="body" sz="quarter" idx="13"/>
          </p:nvPr>
        </p:nvSpPr>
        <p:spPr/>
        <p:txBody>
          <a:bodyPr/>
          <a:lstStyle/>
          <a:p>
            <a:r>
              <a:rPr lang="ja-JP" altLang="en-US" dirty="0"/>
              <a:t>情報モラル教育</a:t>
            </a:r>
          </a:p>
        </p:txBody>
      </p: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1EF4E04F-7469-681B-0846-A0D3C3F21B8C}"/>
              </a:ext>
            </a:extLst>
          </p:cNvPr>
          <p:cNvSpPr txBox="1"/>
          <p:nvPr/>
        </p:nvSpPr>
        <p:spPr>
          <a:xfrm>
            <a:off x="166663" y="43084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F4B74081-8515-C932-6E7C-0613C62E4D86}"/>
              </a:ext>
            </a:extLst>
          </p:cNvPr>
          <p:cNvSpPr txBox="1"/>
          <p:nvPr/>
        </p:nvSpPr>
        <p:spPr>
          <a:xfrm>
            <a:off x="1693203" y="43084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ょういく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B8F45687-89C9-3593-7D54-1FACBEF982CF}"/>
              </a:ext>
            </a:extLst>
          </p:cNvPr>
          <p:cNvSpPr txBox="1"/>
          <p:nvPr/>
        </p:nvSpPr>
        <p:spPr>
          <a:xfrm>
            <a:off x="2829355" y="4766652"/>
            <a:ext cx="142540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dirty="0">
                <a:solidFill>
                  <a:srgbClr val="613403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る　　ぐち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C5C80DA0-CD60-E0AC-8871-313D25825F47}"/>
              </a:ext>
            </a:extLst>
          </p:cNvPr>
          <p:cNvSpPr txBox="1"/>
          <p:nvPr/>
        </p:nvSpPr>
        <p:spPr>
          <a:xfrm>
            <a:off x="5532995" y="3925470"/>
            <a:ext cx="80249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dirty="0">
                <a:solidFill>
                  <a:srgbClr val="613403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15077041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6. </a:t>
            </a:r>
            <a:r>
              <a:rPr lang="ja-JP" altLang="en-US" dirty="0"/>
              <a:t>悪口を書かない</a:t>
            </a:r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9" y="1048261"/>
            <a:ext cx="884342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お友達のナカちゃんとケンカしてしまった美波さん。</a:t>
            </a:r>
          </a:p>
        </p:txBody>
      </p:sp>
      <p:pic>
        <p:nvPicPr>
          <p:cNvPr id="71" name="図 70"/>
          <p:cNvPicPr>
            <a:picLocks noChangeAspect="1"/>
          </p:cNvPicPr>
          <p:nvPr/>
        </p:nvPicPr>
        <p:blipFill>
          <a:blip r:embed="rId4" cstate="print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5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39156" y="1553197"/>
            <a:ext cx="683583" cy="731433"/>
          </a:xfrm>
          <a:prstGeom prst="rect">
            <a:avLst/>
          </a:prstGeom>
        </p:spPr>
      </p:pic>
      <p:pic>
        <p:nvPicPr>
          <p:cNvPr id="75" name="図 74"/>
          <p:cNvPicPr>
            <a:picLocks noChangeAspect="1"/>
          </p:cNvPicPr>
          <p:nvPr/>
        </p:nvPicPr>
        <p:blipFill>
          <a:blip r:embed="rId4" cstate="print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5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2059812">
            <a:off x="8121080" y="2212783"/>
            <a:ext cx="683583" cy="731433"/>
          </a:xfrm>
          <a:prstGeom prst="rect">
            <a:avLst/>
          </a:prstGeom>
        </p:spPr>
      </p:pic>
      <p:grpSp>
        <p:nvGrpSpPr>
          <p:cNvPr id="3" name="グループ化 2"/>
          <p:cNvGrpSpPr/>
          <p:nvPr/>
        </p:nvGrpSpPr>
        <p:grpSpPr>
          <a:xfrm>
            <a:off x="870852" y="1679226"/>
            <a:ext cx="4690627" cy="2510956"/>
            <a:chOff x="134252" y="1704626"/>
            <a:chExt cx="4690627" cy="2510956"/>
          </a:xfrm>
        </p:grpSpPr>
        <p:sp>
          <p:nvSpPr>
            <p:cNvPr id="13" name="爆発 2 6"/>
            <p:cNvSpPr/>
            <p:nvPr/>
          </p:nvSpPr>
          <p:spPr>
            <a:xfrm rot="10800000">
              <a:off x="134252" y="1704626"/>
              <a:ext cx="4690627" cy="2510956"/>
            </a:xfrm>
            <a:custGeom>
              <a:avLst/>
              <a:gdLst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550 w 21600"/>
                <a:gd name="connsiteY26" fmla="*/ 6382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9297 w 21600"/>
                <a:gd name="connsiteY26" fmla="*/ 4840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9297 w 21600"/>
                <a:gd name="connsiteY27" fmla="*/ 4840 h 21600"/>
                <a:gd name="connsiteX28" fmla="*/ 9722 w 21600"/>
                <a:gd name="connsiteY28" fmla="*/ 1887 h 21600"/>
                <a:gd name="connsiteX29" fmla="*/ 11462 w 21600"/>
                <a:gd name="connsiteY29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722 w 21600"/>
                <a:gd name="connsiteY29" fmla="*/ 956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587 w 17375"/>
                <a:gd name="connsiteY25" fmla="*/ 3112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1337 w 18394"/>
                <a:gd name="connsiteY0" fmla="*/ 6935 h 23358"/>
                <a:gd name="connsiteX1" fmla="*/ 13841 w 18394"/>
                <a:gd name="connsiteY1" fmla="*/ 3588 h 23358"/>
                <a:gd name="connsiteX2" fmla="*/ 14308 w 18394"/>
                <a:gd name="connsiteY2" fmla="*/ 7567 h 23358"/>
                <a:gd name="connsiteX3" fmla="*/ 17257 w 18394"/>
                <a:gd name="connsiteY3" fmla="*/ 5829 h 23358"/>
                <a:gd name="connsiteX4" fmla="*/ 16255 w 18394"/>
                <a:gd name="connsiteY4" fmla="*/ 9125 h 23358"/>
                <a:gd name="connsiteX5" fmla="*/ 18394 w 18394"/>
                <a:gd name="connsiteY5" fmla="*/ 10041 h 23358"/>
                <a:gd name="connsiteX6" fmla="*/ 16860 w 18394"/>
                <a:gd name="connsiteY6" fmla="*/ 11995 h 23358"/>
                <a:gd name="connsiteX7" fmla="*/ 18191 w 18394"/>
                <a:gd name="connsiteY7" fmla="*/ 13883 h 23358"/>
                <a:gd name="connsiteX8" fmla="*/ 16255 w 18394"/>
                <a:gd name="connsiteY8" fmla="*/ 14903 h 23358"/>
                <a:gd name="connsiteX9" fmla="*/ 17455 w 18394"/>
                <a:gd name="connsiteY9" fmla="*/ 17904 h 23358"/>
                <a:gd name="connsiteX10" fmla="*/ 14515 w 18394"/>
                <a:gd name="connsiteY10" fmla="*/ 16943 h 23358"/>
                <a:gd name="connsiteX11" fmla="*/ 14817 w 18394"/>
                <a:gd name="connsiteY11" fmla="*/ 19963 h 23358"/>
                <a:gd name="connsiteX12" fmla="*/ 12055 w 18394"/>
                <a:gd name="connsiteY12" fmla="*/ 18528 h 23358"/>
                <a:gd name="connsiteX13" fmla="*/ 11487 w 18394"/>
                <a:gd name="connsiteY13" fmla="*/ 21435 h 23358"/>
                <a:gd name="connsiteX14" fmla="*/ 9747 w 18394"/>
                <a:gd name="connsiteY14" fmla="*/ 19963 h 23358"/>
                <a:gd name="connsiteX15" fmla="*/ 8575 w 18394"/>
                <a:gd name="connsiteY15" fmla="*/ 22305 h 23358"/>
                <a:gd name="connsiteX16" fmla="*/ 7402 w 18394"/>
                <a:gd name="connsiteY16" fmla="*/ 20718 h 23358"/>
                <a:gd name="connsiteX17" fmla="*/ 5082 w 18394"/>
                <a:gd name="connsiteY17" fmla="*/ 23358 h 23358"/>
                <a:gd name="connsiteX18" fmla="*/ 4542 w 18394"/>
                <a:gd name="connsiteY18" fmla="*/ 20416 h 23358"/>
                <a:gd name="connsiteX19" fmla="*/ 1877 w 18394"/>
                <a:gd name="connsiteY19" fmla="*/ 20354 h 23358"/>
                <a:gd name="connsiteX20" fmla="*/ 3205 w 18394"/>
                <a:gd name="connsiteY20" fmla="*/ 17963 h 23358"/>
                <a:gd name="connsiteX21" fmla="*/ 1019 w 18394"/>
                <a:gd name="connsiteY21" fmla="*/ 15534 h 23358"/>
                <a:gd name="connsiteX22" fmla="*/ 3810 w 18394"/>
                <a:gd name="connsiteY22" fmla="*/ 14185 h 23358"/>
                <a:gd name="connsiteX23" fmla="*/ 1642 w 18394"/>
                <a:gd name="connsiteY23" fmla="*/ 10510 h 23358"/>
                <a:gd name="connsiteX24" fmla="*/ 5247 w 18394"/>
                <a:gd name="connsiteY24" fmla="*/ 10410 h 23358"/>
                <a:gd name="connsiteX25" fmla="*/ 0 w 18394"/>
                <a:gd name="connsiteY25" fmla="*/ 0 h 23358"/>
                <a:gd name="connsiteX26" fmla="*/ 7136 w 18394"/>
                <a:gd name="connsiteY26" fmla="*/ 8528 h 23358"/>
                <a:gd name="connsiteX27" fmla="*/ 7700 w 18394"/>
                <a:gd name="connsiteY27" fmla="*/ 5091 h 23358"/>
                <a:gd name="connsiteX28" fmla="*/ 9172 w 18394"/>
                <a:gd name="connsiteY28" fmla="*/ 7433 h 23358"/>
                <a:gd name="connsiteX29" fmla="*/ 9750 w 18394"/>
                <a:gd name="connsiteY29" fmla="*/ 4384 h 23358"/>
                <a:gd name="connsiteX30" fmla="*/ 11337 w 18394"/>
                <a:gd name="connsiteY30" fmla="*/ 6935 h 23358"/>
                <a:gd name="connsiteX0" fmla="*/ 11337 w 18394"/>
                <a:gd name="connsiteY0" fmla="*/ 6935 h 23358"/>
                <a:gd name="connsiteX1" fmla="*/ 13841 w 18394"/>
                <a:gd name="connsiteY1" fmla="*/ 3588 h 23358"/>
                <a:gd name="connsiteX2" fmla="*/ 14308 w 18394"/>
                <a:gd name="connsiteY2" fmla="*/ 7567 h 23358"/>
                <a:gd name="connsiteX3" fmla="*/ 17257 w 18394"/>
                <a:gd name="connsiteY3" fmla="*/ 5829 h 23358"/>
                <a:gd name="connsiteX4" fmla="*/ 16255 w 18394"/>
                <a:gd name="connsiteY4" fmla="*/ 9125 h 23358"/>
                <a:gd name="connsiteX5" fmla="*/ 18394 w 18394"/>
                <a:gd name="connsiteY5" fmla="*/ 10041 h 23358"/>
                <a:gd name="connsiteX6" fmla="*/ 16860 w 18394"/>
                <a:gd name="connsiteY6" fmla="*/ 11995 h 23358"/>
                <a:gd name="connsiteX7" fmla="*/ 18191 w 18394"/>
                <a:gd name="connsiteY7" fmla="*/ 13883 h 23358"/>
                <a:gd name="connsiteX8" fmla="*/ 16255 w 18394"/>
                <a:gd name="connsiteY8" fmla="*/ 14903 h 23358"/>
                <a:gd name="connsiteX9" fmla="*/ 17455 w 18394"/>
                <a:gd name="connsiteY9" fmla="*/ 17904 h 23358"/>
                <a:gd name="connsiteX10" fmla="*/ 14515 w 18394"/>
                <a:gd name="connsiteY10" fmla="*/ 16943 h 23358"/>
                <a:gd name="connsiteX11" fmla="*/ 14817 w 18394"/>
                <a:gd name="connsiteY11" fmla="*/ 19963 h 23358"/>
                <a:gd name="connsiteX12" fmla="*/ 12055 w 18394"/>
                <a:gd name="connsiteY12" fmla="*/ 18528 h 23358"/>
                <a:gd name="connsiteX13" fmla="*/ 11487 w 18394"/>
                <a:gd name="connsiteY13" fmla="*/ 21435 h 23358"/>
                <a:gd name="connsiteX14" fmla="*/ 9747 w 18394"/>
                <a:gd name="connsiteY14" fmla="*/ 19963 h 23358"/>
                <a:gd name="connsiteX15" fmla="*/ 8575 w 18394"/>
                <a:gd name="connsiteY15" fmla="*/ 22305 h 23358"/>
                <a:gd name="connsiteX16" fmla="*/ 7402 w 18394"/>
                <a:gd name="connsiteY16" fmla="*/ 20718 h 23358"/>
                <a:gd name="connsiteX17" fmla="*/ 5082 w 18394"/>
                <a:gd name="connsiteY17" fmla="*/ 23358 h 23358"/>
                <a:gd name="connsiteX18" fmla="*/ 4542 w 18394"/>
                <a:gd name="connsiteY18" fmla="*/ 20416 h 23358"/>
                <a:gd name="connsiteX19" fmla="*/ 1877 w 18394"/>
                <a:gd name="connsiteY19" fmla="*/ 20354 h 23358"/>
                <a:gd name="connsiteX20" fmla="*/ 3205 w 18394"/>
                <a:gd name="connsiteY20" fmla="*/ 17963 h 23358"/>
                <a:gd name="connsiteX21" fmla="*/ 1019 w 18394"/>
                <a:gd name="connsiteY21" fmla="*/ 15534 h 23358"/>
                <a:gd name="connsiteX22" fmla="*/ 3810 w 18394"/>
                <a:gd name="connsiteY22" fmla="*/ 14185 h 23358"/>
                <a:gd name="connsiteX23" fmla="*/ 1642 w 18394"/>
                <a:gd name="connsiteY23" fmla="*/ 10510 h 23358"/>
                <a:gd name="connsiteX24" fmla="*/ 5247 w 18394"/>
                <a:gd name="connsiteY24" fmla="*/ 10410 h 23358"/>
                <a:gd name="connsiteX25" fmla="*/ 0 w 18394"/>
                <a:gd name="connsiteY25" fmla="*/ 0 h 23358"/>
                <a:gd name="connsiteX26" fmla="*/ 7136 w 18394"/>
                <a:gd name="connsiteY26" fmla="*/ 8528 h 23358"/>
                <a:gd name="connsiteX27" fmla="*/ 7700 w 18394"/>
                <a:gd name="connsiteY27" fmla="*/ 5091 h 23358"/>
                <a:gd name="connsiteX28" fmla="*/ 9172 w 18394"/>
                <a:gd name="connsiteY28" fmla="*/ 7433 h 23358"/>
                <a:gd name="connsiteX29" fmla="*/ 9750 w 18394"/>
                <a:gd name="connsiteY29" fmla="*/ 4384 h 23358"/>
                <a:gd name="connsiteX30" fmla="*/ 11337 w 18394"/>
                <a:gd name="connsiteY30" fmla="*/ 6935 h 23358"/>
                <a:gd name="connsiteX0" fmla="*/ 11337 w 18394"/>
                <a:gd name="connsiteY0" fmla="*/ 6935 h 23358"/>
                <a:gd name="connsiteX1" fmla="*/ 13841 w 18394"/>
                <a:gd name="connsiteY1" fmla="*/ 3588 h 23358"/>
                <a:gd name="connsiteX2" fmla="*/ 14308 w 18394"/>
                <a:gd name="connsiteY2" fmla="*/ 7567 h 23358"/>
                <a:gd name="connsiteX3" fmla="*/ 17257 w 18394"/>
                <a:gd name="connsiteY3" fmla="*/ 5829 h 23358"/>
                <a:gd name="connsiteX4" fmla="*/ 16255 w 18394"/>
                <a:gd name="connsiteY4" fmla="*/ 9125 h 23358"/>
                <a:gd name="connsiteX5" fmla="*/ 18394 w 18394"/>
                <a:gd name="connsiteY5" fmla="*/ 10041 h 23358"/>
                <a:gd name="connsiteX6" fmla="*/ 16860 w 18394"/>
                <a:gd name="connsiteY6" fmla="*/ 11995 h 23358"/>
                <a:gd name="connsiteX7" fmla="*/ 18191 w 18394"/>
                <a:gd name="connsiteY7" fmla="*/ 13883 h 23358"/>
                <a:gd name="connsiteX8" fmla="*/ 16255 w 18394"/>
                <a:gd name="connsiteY8" fmla="*/ 14903 h 23358"/>
                <a:gd name="connsiteX9" fmla="*/ 17455 w 18394"/>
                <a:gd name="connsiteY9" fmla="*/ 17904 h 23358"/>
                <a:gd name="connsiteX10" fmla="*/ 14515 w 18394"/>
                <a:gd name="connsiteY10" fmla="*/ 16943 h 23358"/>
                <a:gd name="connsiteX11" fmla="*/ 14817 w 18394"/>
                <a:gd name="connsiteY11" fmla="*/ 19963 h 23358"/>
                <a:gd name="connsiteX12" fmla="*/ 12055 w 18394"/>
                <a:gd name="connsiteY12" fmla="*/ 18528 h 23358"/>
                <a:gd name="connsiteX13" fmla="*/ 11487 w 18394"/>
                <a:gd name="connsiteY13" fmla="*/ 21435 h 23358"/>
                <a:gd name="connsiteX14" fmla="*/ 9747 w 18394"/>
                <a:gd name="connsiteY14" fmla="*/ 19963 h 23358"/>
                <a:gd name="connsiteX15" fmla="*/ 8575 w 18394"/>
                <a:gd name="connsiteY15" fmla="*/ 22305 h 23358"/>
                <a:gd name="connsiteX16" fmla="*/ 7402 w 18394"/>
                <a:gd name="connsiteY16" fmla="*/ 20718 h 23358"/>
                <a:gd name="connsiteX17" fmla="*/ 5082 w 18394"/>
                <a:gd name="connsiteY17" fmla="*/ 23358 h 23358"/>
                <a:gd name="connsiteX18" fmla="*/ 4542 w 18394"/>
                <a:gd name="connsiteY18" fmla="*/ 20416 h 23358"/>
                <a:gd name="connsiteX19" fmla="*/ 1877 w 18394"/>
                <a:gd name="connsiteY19" fmla="*/ 20354 h 23358"/>
                <a:gd name="connsiteX20" fmla="*/ 3205 w 18394"/>
                <a:gd name="connsiteY20" fmla="*/ 17963 h 23358"/>
                <a:gd name="connsiteX21" fmla="*/ 1019 w 18394"/>
                <a:gd name="connsiteY21" fmla="*/ 15534 h 23358"/>
                <a:gd name="connsiteX22" fmla="*/ 3810 w 18394"/>
                <a:gd name="connsiteY22" fmla="*/ 14185 h 23358"/>
                <a:gd name="connsiteX23" fmla="*/ 1642 w 18394"/>
                <a:gd name="connsiteY23" fmla="*/ 10510 h 23358"/>
                <a:gd name="connsiteX24" fmla="*/ 5247 w 18394"/>
                <a:gd name="connsiteY24" fmla="*/ 10410 h 23358"/>
                <a:gd name="connsiteX25" fmla="*/ 0 w 18394"/>
                <a:gd name="connsiteY25" fmla="*/ 0 h 23358"/>
                <a:gd name="connsiteX26" fmla="*/ 7136 w 18394"/>
                <a:gd name="connsiteY26" fmla="*/ 8528 h 23358"/>
                <a:gd name="connsiteX27" fmla="*/ 7700 w 18394"/>
                <a:gd name="connsiteY27" fmla="*/ 5091 h 23358"/>
                <a:gd name="connsiteX28" fmla="*/ 9172 w 18394"/>
                <a:gd name="connsiteY28" fmla="*/ 7433 h 23358"/>
                <a:gd name="connsiteX29" fmla="*/ 9750 w 18394"/>
                <a:gd name="connsiteY29" fmla="*/ 4384 h 23358"/>
                <a:gd name="connsiteX30" fmla="*/ 11337 w 18394"/>
                <a:gd name="connsiteY30" fmla="*/ 6935 h 23358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</a:cxnLst>
              <a:rect l="l" t="t" r="r" b="b"/>
              <a:pathLst>
                <a:path w="17539" h="19770">
                  <a:moveTo>
                    <a:pt x="10482" y="3347"/>
                  </a:moveTo>
                  <a:cubicBezTo>
                    <a:pt x="11423" y="3281"/>
                    <a:pt x="12197" y="1929"/>
                    <a:pt x="12986" y="0"/>
                  </a:cubicBezTo>
                  <a:cubicBezTo>
                    <a:pt x="12898" y="1926"/>
                    <a:pt x="12702" y="3370"/>
                    <a:pt x="13453" y="3979"/>
                  </a:cubicBezTo>
                  <a:cubicBezTo>
                    <a:pt x="14049" y="4470"/>
                    <a:pt x="15486" y="3131"/>
                    <a:pt x="16402" y="2241"/>
                  </a:cubicBezTo>
                  <a:cubicBezTo>
                    <a:pt x="15931" y="3372"/>
                    <a:pt x="15154" y="4920"/>
                    <a:pt x="15400" y="5537"/>
                  </a:cubicBezTo>
                  <a:cubicBezTo>
                    <a:pt x="15798" y="6378"/>
                    <a:pt x="15799" y="6415"/>
                    <a:pt x="17539" y="6453"/>
                  </a:cubicBezTo>
                  <a:cubicBezTo>
                    <a:pt x="16799" y="7104"/>
                    <a:pt x="16074" y="7628"/>
                    <a:pt x="16005" y="8407"/>
                  </a:cubicBezTo>
                  <a:cubicBezTo>
                    <a:pt x="16021" y="9454"/>
                    <a:pt x="16588" y="9987"/>
                    <a:pt x="17336" y="10295"/>
                  </a:cubicBezTo>
                  <a:cubicBezTo>
                    <a:pt x="16615" y="10474"/>
                    <a:pt x="15435" y="10493"/>
                    <a:pt x="15400" y="11315"/>
                  </a:cubicBezTo>
                  <a:cubicBezTo>
                    <a:pt x="15240" y="12358"/>
                    <a:pt x="15768" y="13209"/>
                    <a:pt x="16600" y="14316"/>
                  </a:cubicBezTo>
                  <a:cubicBezTo>
                    <a:pt x="15655" y="13685"/>
                    <a:pt x="14452" y="12605"/>
                    <a:pt x="13660" y="13355"/>
                  </a:cubicBezTo>
                  <a:cubicBezTo>
                    <a:pt x="13456" y="13816"/>
                    <a:pt x="13708" y="15368"/>
                    <a:pt x="13962" y="16375"/>
                  </a:cubicBezTo>
                  <a:cubicBezTo>
                    <a:pt x="13164" y="15479"/>
                    <a:pt x="12304" y="14422"/>
                    <a:pt x="11200" y="14940"/>
                  </a:cubicBezTo>
                  <a:cubicBezTo>
                    <a:pt x="10630" y="15556"/>
                    <a:pt x="10409" y="16589"/>
                    <a:pt x="10632" y="17847"/>
                  </a:cubicBezTo>
                  <a:cubicBezTo>
                    <a:pt x="10159" y="17067"/>
                    <a:pt x="9487" y="16256"/>
                    <a:pt x="8892" y="16375"/>
                  </a:cubicBezTo>
                  <a:cubicBezTo>
                    <a:pt x="8257" y="16610"/>
                    <a:pt x="7897" y="17486"/>
                    <a:pt x="7720" y="18717"/>
                  </a:cubicBezTo>
                  <a:cubicBezTo>
                    <a:pt x="7482" y="17931"/>
                    <a:pt x="7136" y="17113"/>
                    <a:pt x="6547" y="17130"/>
                  </a:cubicBezTo>
                  <a:cubicBezTo>
                    <a:pt x="5936" y="17228"/>
                    <a:pt x="4594" y="18516"/>
                    <a:pt x="4227" y="19770"/>
                  </a:cubicBezTo>
                  <a:cubicBezTo>
                    <a:pt x="4251" y="18457"/>
                    <a:pt x="4213" y="17499"/>
                    <a:pt x="3687" y="16828"/>
                  </a:cubicBezTo>
                  <a:cubicBezTo>
                    <a:pt x="3241" y="16283"/>
                    <a:pt x="2307" y="16316"/>
                    <a:pt x="1022" y="16766"/>
                  </a:cubicBezTo>
                  <a:cubicBezTo>
                    <a:pt x="1694" y="16033"/>
                    <a:pt x="2395" y="15397"/>
                    <a:pt x="2350" y="14375"/>
                  </a:cubicBezTo>
                  <a:cubicBezTo>
                    <a:pt x="2247" y="12837"/>
                    <a:pt x="1381" y="12199"/>
                    <a:pt x="164" y="11946"/>
                  </a:cubicBezTo>
                  <a:cubicBezTo>
                    <a:pt x="1247" y="11753"/>
                    <a:pt x="2925" y="11432"/>
                    <a:pt x="2955" y="10597"/>
                  </a:cubicBezTo>
                  <a:cubicBezTo>
                    <a:pt x="2995" y="9651"/>
                    <a:pt x="1708" y="8029"/>
                    <a:pt x="787" y="6922"/>
                  </a:cubicBezTo>
                  <a:cubicBezTo>
                    <a:pt x="2035" y="7499"/>
                    <a:pt x="4090" y="8044"/>
                    <a:pt x="4392" y="6822"/>
                  </a:cubicBezTo>
                  <a:cubicBezTo>
                    <a:pt x="4259" y="5846"/>
                    <a:pt x="4156" y="3982"/>
                    <a:pt x="0" y="1611"/>
                  </a:cubicBezTo>
                  <a:cubicBezTo>
                    <a:pt x="4185" y="1874"/>
                    <a:pt x="5176" y="3215"/>
                    <a:pt x="6281" y="4940"/>
                  </a:cubicBezTo>
                  <a:cubicBezTo>
                    <a:pt x="6884" y="4233"/>
                    <a:pt x="6887" y="3164"/>
                    <a:pt x="6845" y="1503"/>
                  </a:cubicBezTo>
                  <a:cubicBezTo>
                    <a:pt x="7260" y="2959"/>
                    <a:pt x="7684" y="4103"/>
                    <a:pt x="8317" y="3845"/>
                  </a:cubicBezTo>
                  <a:cubicBezTo>
                    <a:pt x="8860" y="3643"/>
                    <a:pt x="8948" y="1802"/>
                    <a:pt x="8895" y="796"/>
                  </a:cubicBezTo>
                  <a:cubicBezTo>
                    <a:pt x="9124" y="1903"/>
                    <a:pt x="9399" y="3139"/>
                    <a:pt x="10482" y="3347"/>
                  </a:cubicBezTo>
                  <a:close/>
                </a:path>
              </a:pathLst>
            </a:custGeom>
            <a:solidFill>
              <a:srgbClr val="FFFFFF"/>
            </a:solidFill>
            <a:ln w="5715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/>
            </a:p>
          </p:txBody>
        </p:sp>
        <p:sp>
          <p:nvSpPr>
            <p:cNvPr id="15" name="テキスト ボックス 14"/>
            <p:cNvSpPr txBox="1"/>
            <p:nvPr/>
          </p:nvSpPr>
          <p:spPr>
            <a:xfrm>
              <a:off x="1451592" y="2544605"/>
              <a:ext cx="2946236" cy="95410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ja-JP" altLang="en-US" sz="2800" dirty="0">
                  <a:solidFill>
                    <a:schemeClr val="accent5">
                      <a:lumMod val="75000"/>
                    </a:schemeClr>
                  </a:solidFill>
                  <a:latin typeface="メイリオ" pitchFamily="50" charset="-128"/>
                  <a:ea typeface="メイリオ" pitchFamily="50" charset="-128"/>
                  <a:cs typeface="メイリオ" pitchFamily="50" charset="-128"/>
                </a:rPr>
                <a:t>ナカちゃん</a:t>
              </a:r>
              <a:br>
                <a:rPr lang="en-US" altLang="ja-JP" sz="2800" dirty="0">
                  <a:solidFill>
                    <a:schemeClr val="accent5">
                      <a:lumMod val="75000"/>
                    </a:schemeClr>
                  </a:solidFill>
                  <a:latin typeface="メイリオ" pitchFamily="50" charset="-128"/>
                  <a:ea typeface="メイリオ" pitchFamily="50" charset="-128"/>
                  <a:cs typeface="メイリオ" pitchFamily="50" charset="-128"/>
                </a:rPr>
              </a:br>
              <a:r>
                <a:rPr lang="ja-JP" altLang="en-US" sz="2800" dirty="0">
                  <a:solidFill>
                    <a:schemeClr val="accent5">
                      <a:lumMod val="75000"/>
                    </a:schemeClr>
                  </a:solidFill>
                  <a:latin typeface="メイリオ" pitchFamily="50" charset="-128"/>
                  <a:ea typeface="メイリオ" pitchFamily="50" charset="-128"/>
                  <a:cs typeface="メイリオ" pitchFamily="50" charset="-128"/>
                </a:rPr>
                <a:t>ムカつく！</a:t>
              </a:r>
              <a:endParaRPr lang="en-US" altLang="ja-JP" sz="2800" dirty="0">
                <a:solidFill>
                  <a:schemeClr val="accent5">
                    <a:lumMod val="75000"/>
                  </a:schemeClr>
                </a:solidFill>
                <a:latin typeface="メイリオ" pitchFamily="50" charset="-128"/>
                <a:ea typeface="メイリオ" pitchFamily="50" charset="-128"/>
                <a:cs typeface="メイリオ" pitchFamily="50" charset="-128"/>
              </a:endParaRPr>
            </a:p>
          </p:txBody>
        </p:sp>
      </p:grpSp>
      <p:sp>
        <p:nvSpPr>
          <p:cNvPr id="11" name="テキスト ボックス 10"/>
          <p:cNvSpPr txBox="1"/>
          <p:nvPr/>
        </p:nvSpPr>
        <p:spPr>
          <a:xfrm>
            <a:off x="3720765" y="6192352"/>
            <a:ext cx="2002972" cy="403644"/>
          </a:xfrm>
          <a:prstGeom prst="rect">
            <a:avLst/>
          </a:prstGeom>
          <a:solidFill>
            <a:srgbClr val="FFFFFF"/>
          </a:solidFill>
          <a:ln w="57150" cmpd="thickThin">
            <a:solidFill>
              <a:schemeClr val="accent6">
                <a:lumMod val="50000"/>
              </a:schemeClr>
            </a:solidFill>
          </a:ln>
        </p:spPr>
        <p:txBody>
          <a:bodyPr wrap="square" tIns="72000" rtlCol="0" anchor="ctr">
            <a:noAutofit/>
          </a:bodyPr>
          <a:lstStyle/>
          <a:p>
            <a:pPr algn="ctr"/>
            <a:r>
              <a:rPr kumimoji="1"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美波（みなみ）さん</a:t>
            </a:r>
          </a:p>
        </p:txBody>
      </p:sp>
      <p:pic>
        <p:nvPicPr>
          <p:cNvPr id="16" name="図 15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16165" y="1105699"/>
            <a:ext cx="6349206" cy="6349206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1B4E04D7-A46A-849A-AD15-3A8F54E570EB}"/>
              </a:ext>
            </a:extLst>
          </p:cNvPr>
          <p:cNvSpPr txBox="1"/>
          <p:nvPr/>
        </p:nvSpPr>
        <p:spPr>
          <a:xfrm>
            <a:off x="266915" y="24422"/>
            <a:ext cx="106277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る　ぐち</a:t>
            </a:r>
          </a:p>
        </p:txBody>
      </p: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9A5836BC-F4F2-ABD1-6196-6DC8B108A2A0}"/>
              </a:ext>
            </a:extLst>
          </p:cNvPr>
          <p:cNvSpPr txBox="1"/>
          <p:nvPr/>
        </p:nvSpPr>
        <p:spPr>
          <a:xfrm>
            <a:off x="6443153" y="847345"/>
            <a:ext cx="81362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み　なみ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CF6DC9F0-AFB8-53D9-0CB4-81C95CAE2678}"/>
              </a:ext>
            </a:extLst>
          </p:cNvPr>
          <p:cNvSpPr txBox="1"/>
          <p:nvPr/>
        </p:nvSpPr>
        <p:spPr>
          <a:xfrm>
            <a:off x="360521" y="847345"/>
            <a:ext cx="1020659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とも　だち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97803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6. </a:t>
            </a:r>
            <a:r>
              <a:rPr lang="ja-JP" altLang="en-US" dirty="0"/>
              <a:t>悪口を書かない</a:t>
            </a:r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9" y="1048261"/>
            <a:ext cx="8843422" cy="14927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じぶんのブログに、ナカちゃんへの不満をたくさん書きこ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みました。言いたいことを書いてスッキリしましたが・・・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</p:txBody>
      </p:sp>
      <p:grpSp>
        <p:nvGrpSpPr>
          <p:cNvPr id="5" name="グループ化 4"/>
          <p:cNvGrpSpPr/>
          <p:nvPr/>
        </p:nvGrpSpPr>
        <p:grpSpPr>
          <a:xfrm>
            <a:off x="554272" y="4318679"/>
            <a:ext cx="3159976" cy="2047607"/>
            <a:chOff x="554272" y="4318679"/>
            <a:chExt cx="3159976" cy="2047607"/>
          </a:xfrm>
        </p:grpSpPr>
        <p:grpSp>
          <p:nvGrpSpPr>
            <p:cNvPr id="16" name="グループ化 15"/>
            <p:cNvGrpSpPr/>
            <p:nvPr/>
          </p:nvGrpSpPr>
          <p:grpSpPr>
            <a:xfrm>
              <a:off x="554272" y="4318679"/>
              <a:ext cx="3159976" cy="2047607"/>
              <a:chOff x="294486" y="2199922"/>
              <a:chExt cx="3159976" cy="2047607"/>
            </a:xfrm>
            <a:solidFill>
              <a:srgbClr val="FFFFFF"/>
            </a:solidFill>
          </p:grpSpPr>
          <p:sp>
            <p:nvSpPr>
              <p:cNvPr id="17" name="円/楕円 16"/>
              <p:cNvSpPr/>
              <p:nvPr/>
            </p:nvSpPr>
            <p:spPr>
              <a:xfrm>
                <a:off x="3111479" y="3941215"/>
                <a:ext cx="183844" cy="171240"/>
              </a:xfrm>
              <a:prstGeom prst="ellipse">
                <a:avLst/>
              </a:prstGeom>
              <a:grpFill/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/>
              </a:p>
            </p:txBody>
          </p:sp>
          <p:sp>
            <p:nvSpPr>
              <p:cNvPr id="18" name="雲 31"/>
              <p:cNvSpPr/>
              <p:nvPr/>
            </p:nvSpPr>
            <p:spPr>
              <a:xfrm rot="197991">
                <a:off x="294486" y="2199922"/>
                <a:ext cx="3084330" cy="2047607"/>
              </a:xfrm>
              <a:custGeom>
                <a:avLst/>
                <a:gdLst>
                  <a:gd name="connsiteX0" fmla="*/ 3900 w 43200"/>
                  <a:gd name="connsiteY0" fmla="*/ 14370 h 43200"/>
                  <a:gd name="connsiteX1" fmla="*/ 5623 w 43200"/>
                  <a:gd name="connsiteY1" fmla="*/ 6907 h 43200"/>
                  <a:gd name="connsiteX2" fmla="*/ 14005 w 43200"/>
                  <a:gd name="connsiteY2" fmla="*/ 5202 h 43200"/>
                  <a:gd name="connsiteX3" fmla="*/ 22456 w 43200"/>
                  <a:gd name="connsiteY3" fmla="*/ 3432 h 43200"/>
                  <a:gd name="connsiteX4" fmla="*/ 25749 w 43200"/>
                  <a:gd name="connsiteY4" fmla="*/ 200 h 43200"/>
                  <a:gd name="connsiteX5" fmla="*/ 29833 w 43200"/>
                  <a:gd name="connsiteY5" fmla="*/ 2481 h 43200"/>
                  <a:gd name="connsiteX6" fmla="*/ 35463 w 43200"/>
                  <a:gd name="connsiteY6" fmla="*/ 690 h 43200"/>
                  <a:gd name="connsiteX7" fmla="*/ 38318 w 43200"/>
                  <a:gd name="connsiteY7" fmla="*/ 5576 h 43200"/>
                  <a:gd name="connsiteX8" fmla="*/ 41982 w 43200"/>
                  <a:gd name="connsiteY8" fmla="*/ 10318 h 43200"/>
                  <a:gd name="connsiteX9" fmla="*/ 41818 w 43200"/>
                  <a:gd name="connsiteY9" fmla="*/ 15460 h 43200"/>
                  <a:gd name="connsiteX10" fmla="*/ 43016 w 43200"/>
                  <a:gd name="connsiteY10" fmla="*/ 23322 h 43200"/>
                  <a:gd name="connsiteX11" fmla="*/ 37404 w 43200"/>
                  <a:gd name="connsiteY11" fmla="*/ 30204 h 43200"/>
                  <a:gd name="connsiteX12" fmla="*/ 35395 w 43200"/>
                  <a:gd name="connsiteY12" fmla="*/ 36101 h 43200"/>
                  <a:gd name="connsiteX13" fmla="*/ 28555 w 43200"/>
                  <a:gd name="connsiteY13" fmla="*/ 36815 h 43200"/>
                  <a:gd name="connsiteX14" fmla="*/ 23667 w 43200"/>
                  <a:gd name="connsiteY14" fmla="*/ 43106 h 43200"/>
                  <a:gd name="connsiteX15" fmla="*/ 16480 w 43200"/>
                  <a:gd name="connsiteY15" fmla="*/ 39266 h 43200"/>
                  <a:gd name="connsiteX16" fmla="*/ 5804 w 43200"/>
                  <a:gd name="connsiteY16" fmla="*/ 35472 h 43200"/>
                  <a:gd name="connsiteX17" fmla="*/ 1110 w 43200"/>
                  <a:gd name="connsiteY17" fmla="*/ 31250 h 43200"/>
                  <a:gd name="connsiteX18" fmla="*/ 2113 w 43200"/>
                  <a:gd name="connsiteY18" fmla="*/ 25551 h 43200"/>
                  <a:gd name="connsiteX19" fmla="*/ -5 w 43200"/>
                  <a:gd name="connsiteY19" fmla="*/ 19704 h 43200"/>
                  <a:gd name="connsiteX20" fmla="*/ 3863 w 43200"/>
                  <a:gd name="connsiteY20" fmla="*/ 14507 h 43200"/>
                  <a:gd name="connsiteX21" fmla="*/ 3900 w 43200"/>
                  <a:gd name="connsiteY21" fmla="*/ 14370 h 43200"/>
                  <a:gd name="connsiteX0" fmla="*/ 4693 w 43200"/>
                  <a:gd name="connsiteY0" fmla="*/ 26177 h 43200"/>
                  <a:gd name="connsiteX1" fmla="*/ 2160 w 43200"/>
                  <a:gd name="connsiteY1" fmla="*/ 25380 h 43200"/>
                  <a:gd name="connsiteX2" fmla="*/ 6928 w 43200"/>
                  <a:gd name="connsiteY2" fmla="*/ 34899 h 43200"/>
                  <a:gd name="connsiteX3" fmla="*/ 5820 w 43200"/>
                  <a:gd name="connsiteY3" fmla="*/ 35280 h 43200"/>
                  <a:gd name="connsiteX4" fmla="*/ 16478 w 43200"/>
                  <a:gd name="connsiteY4" fmla="*/ 39090 h 43200"/>
                  <a:gd name="connsiteX5" fmla="*/ 15810 w 43200"/>
                  <a:gd name="connsiteY5" fmla="*/ 37350 h 43200"/>
                  <a:gd name="connsiteX6" fmla="*/ 28827 w 43200"/>
                  <a:gd name="connsiteY6" fmla="*/ 34751 h 43200"/>
                  <a:gd name="connsiteX7" fmla="*/ 28560 w 43200"/>
                  <a:gd name="connsiteY7" fmla="*/ 36660 h 43200"/>
                  <a:gd name="connsiteX8" fmla="*/ 34129 w 43200"/>
                  <a:gd name="connsiteY8" fmla="*/ 22954 h 43200"/>
                  <a:gd name="connsiteX9" fmla="*/ 37380 w 43200"/>
                  <a:gd name="connsiteY9" fmla="*/ 30090 h 43200"/>
                  <a:gd name="connsiteX10" fmla="*/ 41798 w 43200"/>
                  <a:gd name="connsiteY10" fmla="*/ 15354 h 43200"/>
                  <a:gd name="connsiteX11" fmla="*/ 40350 w 43200"/>
                  <a:gd name="connsiteY11" fmla="*/ 18030 h 43200"/>
                  <a:gd name="connsiteX12" fmla="*/ 38324 w 43200"/>
                  <a:gd name="connsiteY12" fmla="*/ 5426 h 43200"/>
                  <a:gd name="connsiteX13" fmla="*/ 38400 w 43200"/>
                  <a:gd name="connsiteY13" fmla="*/ 6690 h 43200"/>
                  <a:gd name="connsiteX14" fmla="*/ 29078 w 43200"/>
                  <a:gd name="connsiteY14" fmla="*/ 3952 h 43200"/>
                  <a:gd name="connsiteX15" fmla="*/ 29820 w 43200"/>
                  <a:gd name="connsiteY15" fmla="*/ 2340 h 43200"/>
                  <a:gd name="connsiteX16" fmla="*/ 22141 w 43200"/>
                  <a:gd name="connsiteY16" fmla="*/ 4720 h 43200"/>
                  <a:gd name="connsiteX17" fmla="*/ 22500 w 43200"/>
                  <a:gd name="connsiteY17" fmla="*/ 3330 h 43200"/>
                  <a:gd name="connsiteX18" fmla="*/ 14000 w 43200"/>
                  <a:gd name="connsiteY18" fmla="*/ 5192 h 43200"/>
                  <a:gd name="connsiteX19" fmla="*/ 15300 w 43200"/>
                  <a:gd name="connsiteY19" fmla="*/ 6540 h 43200"/>
                  <a:gd name="connsiteX20" fmla="*/ 4127 w 43200"/>
                  <a:gd name="connsiteY20" fmla="*/ 15789 h 43200"/>
                  <a:gd name="connsiteX21" fmla="*/ 3900 w 43200"/>
                  <a:gd name="connsiteY21" fmla="*/ 14370 h 43200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36173 w 43256"/>
                  <a:gd name="connsiteY8" fmla="*/ 25158 h 43219"/>
                  <a:gd name="connsiteX9" fmla="*/ 37416 w 43256"/>
                  <a:gd name="connsiteY9" fmla="*/ 29949 h 43219"/>
                  <a:gd name="connsiteX10" fmla="*/ 41834 w 43256"/>
                  <a:gd name="connsiteY10" fmla="*/ 15213 h 43219"/>
                  <a:gd name="connsiteX11" fmla="*/ 40386 w 43256"/>
                  <a:gd name="connsiteY11" fmla="*/ 17889 h 43219"/>
                  <a:gd name="connsiteX12" fmla="*/ 38360 w 43256"/>
                  <a:gd name="connsiteY12" fmla="*/ 5285 h 43219"/>
                  <a:gd name="connsiteX13" fmla="*/ 38436 w 43256"/>
                  <a:gd name="connsiteY13" fmla="*/ 6549 h 43219"/>
                  <a:gd name="connsiteX14" fmla="*/ 29114 w 43256"/>
                  <a:gd name="connsiteY14" fmla="*/ 3811 h 43219"/>
                  <a:gd name="connsiteX15" fmla="*/ 29856 w 43256"/>
                  <a:gd name="connsiteY15" fmla="*/ 2199 h 43219"/>
                  <a:gd name="connsiteX16" fmla="*/ 22177 w 43256"/>
                  <a:gd name="connsiteY16" fmla="*/ 4579 h 43219"/>
                  <a:gd name="connsiteX17" fmla="*/ 22536 w 43256"/>
                  <a:gd name="connsiteY17" fmla="*/ 3189 h 43219"/>
                  <a:gd name="connsiteX18" fmla="*/ 14036 w 43256"/>
                  <a:gd name="connsiteY18" fmla="*/ 5051 h 43219"/>
                  <a:gd name="connsiteX19" fmla="*/ 15336 w 43256"/>
                  <a:gd name="connsiteY19" fmla="*/ 6399 h 43219"/>
                  <a:gd name="connsiteX20" fmla="*/ 4163 w 43256"/>
                  <a:gd name="connsiteY20" fmla="*/ 15648 h 43219"/>
                  <a:gd name="connsiteX21" fmla="*/ 3936 w 43256"/>
                  <a:gd name="connsiteY21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41834 w 43256"/>
                  <a:gd name="connsiteY8" fmla="*/ 15213 h 43219"/>
                  <a:gd name="connsiteX9" fmla="*/ 40386 w 43256"/>
                  <a:gd name="connsiteY9" fmla="*/ 17889 h 43219"/>
                  <a:gd name="connsiteX10" fmla="*/ 38360 w 43256"/>
                  <a:gd name="connsiteY10" fmla="*/ 5285 h 43219"/>
                  <a:gd name="connsiteX11" fmla="*/ 38436 w 43256"/>
                  <a:gd name="connsiteY11" fmla="*/ 6549 h 43219"/>
                  <a:gd name="connsiteX12" fmla="*/ 29114 w 43256"/>
                  <a:gd name="connsiteY12" fmla="*/ 3811 h 43219"/>
                  <a:gd name="connsiteX13" fmla="*/ 29856 w 43256"/>
                  <a:gd name="connsiteY13" fmla="*/ 2199 h 43219"/>
                  <a:gd name="connsiteX14" fmla="*/ 22177 w 43256"/>
                  <a:gd name="connsiteY14" fmla="*/ 4579 h 43219"/>
                  <a:gd name="connsiteX15" fmla="*/ 22536 w 43256"/>
                  <a:gd name="connsiteY15" fmla="*/ 3189 h 43219"/>
                  <a:gd name="connsiteX16" fmla="*/ 14036 w 43256"/>
                  <a:gd name="connsiteY16" fmla="*/ 5051 h 43219"/>
                  <a:gd name="connsiteX17" fmla="*/ 15336 w 43256"/>
                  <a:gd name="connsiteY17" fmla="*/ 6399 h 43219"/>
                  <a:gd name="connsiteX18" fmla="*/ 4163 w 43256"/>
                  <a:gd name="connsiteY18" fmla="*/ 15648 h 43219"/>
                  <a:gd name="connsiteX19" fmla="*/ 3936 w 43256"/>
                  <a:gd name="connsiteY19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28863 w 43256"/>
                  <a:gd name="connsiteY4" fmla="*/ 34610 h 43219"/>
                  <a:gd name="connsiteX5" fmla="*/ 28596 w 43256"/>
                  <a:gd name="connsiteY5" fmla="*/ 36519 h 43219"/>
                  <a:gd name="connsiteX6" fmla="*/ 41834 w 43256"/>
                  <a:gd name="connsiteY6" fmla="*/ 15213 h 43219"/>
                  <a:gd name="connsiteX7" fmla="*/ 40386 w 43256"/>
                  <a:gd name="connsiteY7" fmla="*/ 17889 h 43219"/>
                  <a:gd name="connsiteX8" fmla="*/ 38360 w 43256"/>
                  <a:gd name="connsiteY8" fmla="*/ 5285 h 43219"/>
                  <a:gd name="connsiteX9" fmla="*/ 38436 w 43256"/>
                  <a:gd name="connsiteY9" fmla="*/ 6549 h 43219"/>
                  <a:gd name="connsiteX10" fmla="*/ 29114 w 43256"/>
                  <a:gd name="connsiteY10" fmla="*/ 3811 h 43219"/>
                  <a:gd name="connsiteX11" fmla="*/ 29856 w 43256"/>
                  <a:gd name="connsiteY11" fmla="*/ 2199 h 43219"/>
                  <a:gd name="connsiteX12" fmla="*/ 22177 w 43256"/>
                  <a:gd name="connsiteY12" fmla="*/ 4579 h 43219"/>
                  <a:gd name="connsiteX13" fmla="*/ 22536 w 43256"/>
                  <a:gd name="connsiteY13" fmla="*/ 3189 h 43219"/>
                  <a:gd name="connsiteX14" fmla="*/ 14036 w 43256"/>
                  <a:gd name="connsiteY14" fmla="*/ 5051 h 43219"/>
                  <a:gd name="connsiteX15" fmla="*/ 15336 w 43256"/>
                  <a:gd name="connsiteY15" fmla="*/ 6399 h 43219"/>
                  <a:gd name="connsiteX16" fmla="*/ 4163 w 43256"/>
                  <a:gd name="connsiteY16" fmla="*/ 15648 h 43219"/>
                  <a:gd name="connsiteX17" fmla="*/ 3936 w 43256"/>
                  <a:gd name="connsiteY17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28863 w 43256"/>
                  <a:gd name="connsiteY2" fmla="*/ 34610 h 43219"/>
                  <a:gd name="connsiteX3" fmla="*/ 28596 w 43256"/>
                  <a:gd name="connsiteY3" fmla="*/ 36519 h 43219"/>
                  <a:gd name="connsiteX4" fmla="*/ 41834 w 43256"/>
                  <a:gd name="connsiteY4" fmla="*/ 15213 h 43219"/>
                  <a:gd name="connsiteX5" fmla="*/ 40386 w 43256"/>
                  <a:gd name="connsiteY5" fmla="*/ 17889 h 43219"/>
                  <a:gd name="connsiteX6" fmla="*/ 38360 w 43256"/>
                  <a:gd name="connsiteY6" fmla="*/ 5285 h 43219"/>
                  <a:gd name="connsiteX7" fmla="*/ 38436 w 43256"/>
                  <a:gd name="connsiteY7" fmla="*/ 6549 h 43219"/>
                  <a:gd name="connsiteX8" fmla="*/ 29114 w 43256"/>
                  <a:gd name="connsiteY8" fmla="*/ 3811 h 43219"/>
                  <a:gd name="connsiteX9" fmla="*/ 29856 w 43256"/>
                  <a:gd name="connsiteY9" fmla="*/ 2199 h 43219"/>
                  <a:gd name="connsiteX10" fmla="*/ 22177 w 43256"/>
                  <a:gd name="connsiteY10" fmla="*/ 4579 h 43219"/>
                  <a:gd name="connsiteX11" fmla="*/ 22536 w 43256"/>
                  <a:gd name="connsiteY11" fmla="*/ 3189 h 43219"/>
                  <a:gd name="connsiteX12" fmla="*/ 14036 w 43256"/>
                  <a:gd name="connsiteY12" fmla="*/ 5051 h 43219"/>
                  <a:gd name="connsiteX13" fmla="*/ 15336 w 43256"/>
                  <a:gd name="connsiteY13" fmla="*/ 6399 h 43219"/>
                  <a:gd name="connsiteX14" fmla="*/ 4163 w 43256"/>
                  <a:gd name="connsiteY14" fmla="*/ 15648 h 43219"/>
                  <a:gd name="connsiteX15" fmla="*/ 3936 w 43256"/>
                  <a:gd name="connsiteY15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12" fmla="*/ 4163 w 43256"/>
                  <a:gd name="connsiteY12" fmla="*/ 15648 h 43219"/>
                  <a:gd name="connsiteX13" fmla="*/ 3936 w 43256"/>
                  <a:gd name="connsiteY13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45 w 43256"/>
                  <a:gd name="connsiteY0" fmla="*/ 34309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734 w 43256"/>
                  <a:gd name="connsiteY0" fmla="*/ 35017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12 w 43256"/>
                  <a:gd name="connsiteY13" fmla="*/ 35606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3256" h="43219">
                    <a:moveTo>
                      <a:pt x="3936" y="14229"/>
                    </a:moveTo>
                    <a:cubicBezTo>
                      <a:pt x="3665" y="11516"/>
                      <a:pt x="4297" y="8780"/>
                      <a:pt x="5659" y="6766"/>
                    </a:cubicBezTo>
                    <a:cubicBezTo>
                      <a:pt x="7811" y="3585"/>
                      <a:pt x="11300" y="2876"/>
                      <a:pt x="14041" y="5061"/>
                    </a:cubicBezTo>
                    <a:cubicBezTo>
                      <a:pt x="15714" y="768"/>
                      <a:pt x="19950" y="-119"/>
                      <a:pt x="22492" y="3291"/>
                    </a:cubicBezTo>
                    <a:cubicBezTo>
                      <a:pt x="23133" y="1542"/>
                      <a:pt x="24364" y="333"/>
                      <a:pt x="25785" y="59"/>
                    </a:cubicBezTo>
                    <a:cubicBezTo>
                      <a:pt x="27349" y="-243"/>
                      <a:pt x="28911" y="629"/>
                      <a:pt x="29869" y="2340"/>
                    </a:cubicBezTo>
                    <a:cubicBezTo>
                      <a:pt x="31251" y="126"/>
                      <a:pt x="33537" y="-601"/>
                      <a:pt x="35499" y="549"/>
                    </a:cubicBezTo>
                    <a:cubicBezTo>
                      <a:pt x="36994" y="1425"/>
                      <a:pt x="38066" y="3259"/>
                      <a:pt x="38354" y="5435"/>
                    </a:cubicBezTo>
                    <a:cubicBezTo>
                      <a:pt x="40082" y="6077"/>
                      <a:pt x="41458" y="7857"/>
                      <a:pt x="42018" y="10177"/>
                    </a:cubicBezTo>
                    <a:cubicBezTo>
                      <a:pt x="42425" y="11861"/>
                      <a:pt x="42367" y="13690"/>
                      <a:pt x="41854" y="15319"/>
                    </a:cubicBezTo>
                    <a:cubicBezTo>
                      <a:pt x="43115" y="17553"/>
                      <a:pt x="43556" y="20449"/>
                      <a:pt x="43052" y="23181"/>
                    </a:cubicBezTo>
                    <a:cubicBezTo>
                      <a:pt x="42382" y="26813"/>
                      <a:pt x="40164" y="29533"/>
                      <a:pt x="37440" y="30063"/>
                    </a:cubicBezTo>
                    <a:cubicBezTo>
                      <a:pt x="37480" y="30755"/>
                      <a:pt x="37355" y="31595"/>
                      <a:pt x="37012" y="32109"/>
                    </a:cubicBezTo>
                    <a:cubicBezTo>
                      <a:pt x="37971" y="31489"/>
                      <a:pt x="40489" y="32793"/>
                      <a:pt x="39313" y="36007"/>
                    </a:cubicBezTo>
                    <a:cubicBezTo>
                      <a:pt x="38504" y="38128"/>
                      <a:pt x="35744" y="37404"/>
                      <a:pt x="36050" y="35003"/>
                    </a:cubicBezTo>
                    <a:cubicBezTo>
                      <a:pt x="35764" y="35454"/>
                      <a:pt x="35423" y="35938"/>
                      <a:pt x="35118" y="36183"/>
                    </a:cubicBezTo>
                    <a:cubicBezTo>
                      <a:pt x="34125" y="36981"/>
                      <a:pt x="30740" y="38498"/>
                      <a:pt x="28591" y="36674"/>
                    </a:cubicBezTo>
                    <a:cubicBezTo>
                      <a:pt x="27896" y="39807"/>
                      <a:pt x="26035" y="42202"/>
                      <a:pt x="23703" y="42965"/>
                    </a:cubicBezTo>
                    <a:cubicBezTo>
                      <a:pt x="20955" y="43864"/>
                      <a:pt x="18087" y="42332"/>
                      <a:pt x="16516" y="39125"/>
                    </a:cubicBezTo>
                    <a:cubicBezTo>
                      <a:pt x="12808" y="42169"/>
                      <a:pt x="7992" y="40458"/>
                      <a:pt x="5840" y="35331"/>
                    </a:cubicBezTo>
                    <a:cubicBezTo>
                      <a:pt x="3726" y="35668"/>
                      <a:pt x="1741" y="33883"/>
                      <a:pt x="1146" y="31109"/>
                    </a:cubicBezTo>
                    <a:cubicBezTo>
                      <a:pt x="715" y="29102"/>
                      <a:pt x="1096" y="26936"/>
                      <a:pt x="2149" y="25410"/>
                    </a:cubicBezTo>
                    <a:cubicBezTo>
                      <a:pt x="655" y="24213"/>
                      <a:pt x="-177" y="21916"/>
                      <a:pt x="31" y="19563"/>
                    </a:cubicBezTo>
                    <a:cubicBezTo>
                      <a:pt x="275" y="16808"/>
                      <a:pt x="1881" y="14650"/>
                      <a:pt x="3899" y="14366"/>
                    </a:cubicBezTo>
                    <a:cubicBezTo>
                      <a:pt x="3911" y="14320"/>
                      <a:pt x="3924" y="14275"/>
                      <a:pt x="3936" y="14229"/>
                    </a:cubicBezTo>
                    <a:close/>
                  </a:path>
                  <a:path w="43256" h="43219" fill="none" extrusionOk="0">
                    <a:moveTo>
                      <a:pt x="28619" y="36455"/>
                    </a:moveTo>
                    <a:cubicBezTo>
                      <a:pt x="28580" y="37102"/>
                      <a:pt x="28734" y="35897"/>
                      <a:pt x="28596" y="36519"/>
                    </a:cubicBezTo>
                  </a:path>
                </a:pathLst>
              </a:custGeom>
              <a:grpFill/>
              <a:ln w="38100" cap="rnd">
                <a:solidFill>
                  <a:schemeClr val="accent2"/>
                </a:solidFill>
                <a:bevel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>
                  <a:solidFill>
                    <a:schemeClr val="dk1"/>
                  </a:solidFill>
                </a:endParaRPr>
              </a:p>
            </p:txBody>
          </p:sp>
          <p:sp>
            <p:nvSpPr>
              <p:cNvPr id="19" name="円/楕円 18"/>
              <p:cNvSpPr/>
              <p:nvPr/>
            </p:nvSpPr>
            <p:spPr>
              <a:xfrm>
                <a:off x="3336189" y="3897580"/>
                <a:ext cx="118273" cy="110164"/>
              </a:xfrm>
              <a:prstGeom prst="ellipse">
                <a:avLst/>
              </a:prstGeom>
              <a:grpFill/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/>
              </a:p>
            </p:txBody>
          </p:sp>
        </p:grpSp>
        <p:sp>
          <p:nvSpPr>
            <p:cNvPr id="80" name="テキスト ボックス 79"/>
            <p:cNvSpPr txBox="1"/>
            <p:nvPr/>
          </p:nvSpPr>
          <p:spPr>
            <a:xfrm>
              <a:off x="798358" y="5031828"/>
              <a:ext cx="2767607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kumimoji="1" lang="ja-JP" altLang="en-US" sz="20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本当はそんなことないけど、べつにいいよね</a:t>
              </a:r>
            </a:p>
          </p:txBody>
        </p:sp>
      </p:grpSp>
      <p:grpSp>
        <p:nvGrpSpPr>
          <p:cNvPr id="3" name="グループ化 2"/>
          <p:cNvGrpSpPr/>
          <p:nvPr/>
        </p:nvGrpSpPr>
        <p:grpSpPr>
          <a:xfrm>
            <a:off x="1273709" y="2510937"/>
            <a:ext cx="4392907" cy="2261088"/>
            <a:chOff x="1273709" y="2510937"/>
            <a:chExt cx="4392907" cy="2261088"/>
          </a:xfrm>
        </p:grpSpPr>
        <p:sp>
          <p:nvSpPr>
            <p:cNvPr id="20" name="円形吹き出し 3"/>
            <p:cNvSpPr/>
            <p:nvPr/>
          </p:nvSpPr>
          <p:spPr>
            <a:xfrm flipH="1">
              <a:off x="1273709" y="2510937"/>
              <a:ext cx="4392907" cy="2261088"/>
            </a:xfrm>
            <a:custGeom>
              <a:avLst/>
              <a:gdLst>
                <a:gd name="connsiteX0" fmla="*/ 872341 w 2990850"/>
                <a:gd name="connsiteY0" fmla="*/ 2228850 h 1981200"/>
                <a:gd name="connsiteX1" fmla="*/ 760527 w 2990850"/>
                <a:gd name="connsiteY1" fmla="*/ 1853330 h 1981200"/>
                <a:gd name="connsiteX2" fmla="*/ 429664 w 2990850"/>
                <a:gd name="connsiteY2" fmla="*/ 295706 h 1981200"/>
                <a:gd name="connsiteX3" fmla="*/ 1951206 w 2990850"/>
                <a:gd name="connsiteY3" fmla="*/ 47131 h 1981200"/>
                <a:gd name="connsiteX4" fmla="*/ 2830792 w 2990850"/>
                <a:gd name="connsiteY4" fmla="*/ 1436488 h 1981200"/>
                <a:gd name="connsiteX5" fmla="*/ 1301923 w 2990850"/>
                <a:gd name="connsiteY5" fmla="*/ 1972873 h 1981200"/>
                <a:gd name="connsiteX6" fmla="*/ 872341 w 2990850"/>
                <a:gd name="connsiteY6" fmla="*/ 2228850 h 1981200"/>
                <a:gd name="connsiteX0" fmla="*/ 872506 w 2991669"/>
                <a:gd name="connsiteY0" fmla="*/ 2228877 h 2228877"/>
                <a:gd name="connsiteX1" fmla="*/ 835984 w 2991669"/>
                <a:gd name="connsiteY1" fmla="*/ 2016946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2991669" h="2228877">
                  <a:moveTo>
                    <a:pt x="872506" y="2228877"/>
                  </a:moveTo>
                  <a:cubicBezTo>
                    <a:pt x="900020" y="2147121"/>
                    <a:pt x="903721" y="2086796"/>
                    <a:pt x="881228" y="2014565"/>
                  </a:cubicBezTo>
                  <a:cubicBezTo>
                    <a:pt x="866450" y="1961623"/>
                    <a:pt x="830239" y="1903918"/>
                    <a:pt x="760692" y="1853357"/>
                  </a:cubicBezTo>
                  <a:cubicBezTo>
                    <a:pt x="-96719" y="1532871"/>
                    <a:pt x="-260781" y="760506"/>
                    <a:pt x="429829" y="295733"/>
                  </a:cubicBezTo>
                  <a:cubicBezTo>
                    <a:pt x="825611" y="29375"/>
                    <a:pt x="1414011" y="-66751"/>
                    <a:pt x="1951371" y="47158"/>
                  </a:cubicBezTo>
                  <a:cubicBezTo>
                    <a:pt x="2826899" y="232753"/>
                    <a:pt x="3244736" y="892750"/>
                    <a:pt x="2830957" y="1436515"/>
                  </a:cubicBezTo>
                  <a:cubicBezTo>
                    <a:pt x="2545034" y="1812259"/>
                    <a:pt x="1931964" y="2027347"/>
                    <a:pt x="1302088" y="1972900"/>
                  </a:cubicBezTo>
                  <a:cubicBezTo>
                    <a:pt x="1246733" y="2005839"/>
                    <a:pt x="1241383" y="2031633"/>
                    <a:pt x="1152691" y="2095528"/>
                  </a:cubicBezTo>
                  <a:cubicBezTo>
                    <a:pt x="1073583" y="2161409"/>
                    <a:pt x="982570" y="2193952"/>
                    <a:pt x="872506" y="2228877"/>
                  </a:cubicBezTo>
                  <a:close/>
                </a:path>
              </a:pathLst>
            </a:custGeom>
            <a:solidFill>
              <a:srgbClr val="FFFFFF"/>
            </a:solidFill>
            <a:ln w="38100">
              <a:solidFill>
                <a:schemeClr val="accent2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78" name="テキスト ボックス 77"/>
            <p:cNvSpPr txBox="1"/>
            <p:nvPr/>
          </p:nvSpPr>
          <p:spPr>
            <a:xfrm>
              <a:off x="1780025" y="3153915"/>
              <a:ext cx="3681585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kumimoji="1" lang="ja-JP" altLang="en-US" sz="2000" b="1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「ナカちゃんはウソばっかりつくからキライ！」</a:t>
              </a:r>
              <a:r>
                <a:rPr kumimoji="1" lang="ja-JP" altLang="en-US" sz="20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と・・・</a:t>
              </a:r>
            </a:p>
          </p:txBody>
        </p:sp>
      </p:grpSp>
      <p:pic>
        <p:nvPicPr>
          <p:cNvPr id="22" name="図 2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595975" y="1125742"/>
            <a:ext cx="6349206" cy="6349206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DA326027-C7FD-CF5D-3CFD-B9C82DA04901}"/>
              </a:ext>
            </a:extLst>
          </p:cNvPr>
          <p:cNvSpPr txBox="1"/>
          <p:nvPr/>
        </p:nvSpPr>
        <p:spPr>
          <a:xfrm>
            <a:off x="798358" y="4851847"/>
            <a:ext cx="719661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accent2">
                    <a:lumMod val="7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ほんとう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391852D3-57CD-459B-4435-9F2FB2DAE871}"/>
              </a:ext>
            </a:extLst>
          </p:cNvPr>
          <p:cNvSpPr txBox="1"/>
          <p:nvPr/>
        </p:nvSpPr>
        <p:spPr>
          <a:xfrm>
            <a:off x="5461610" y="852010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ふ　まん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7E371757-B0F8-E712-1B04-97531C74BCF8}"/>
              </a:ext>
            </a:extLst>
          </p:cNvPr>
          <p:cNvSpPr txBox="1"/>
          <p:nvPr/>
        </p:nvSpPr>
        <p:spPr>
          <a:xfrm>
            <a:off x="7582788" y="832960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E5AD1993-382C-A23D-A2E7-561994E84FF1}"/>
              </a:ext>
            </a:extLst>
          </p:cNvPr>
          <p:cNvSpPr txBox="1"/>
          <p:nvPr/>
        </p:nvSpPr>
        <p:spPr>
          <a:xfrm>
            <a:off x="3943350" y="1440059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</a:t>
            </a:r>
          </a:p>
        </p:txBody>
      </p:sp>
      <p:sp>
        <p:nvSpPr>
          <p:cNvPr id="11" name="テキスト ボックス 10">
            <a:extLst>
              <a:ext uri="{FF2B5EF4-FFF2-40B4-BE49-F238E27FC236}">
                <a16:creationId xmlns:a16="http://schemas.microsoft.com/office/drawing/2014/main" id="{4A103B63-2772-4269-0265-F4332410C285}"/>
              </a:ext>
            </a:extLst>
          </p:cNvPr>
          <p:cNvSpPr txBox="1"/>
          <p:nvPr/>
        </p:nvSpPr>
        <p:spPr>
          <a:xfrm>
            <a:off x="1623866" y="1440059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い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D2C3F367-5535-EAC4-6105-4D6FE901F3AA}"/>
              </a:ext>
            </a:extLst>
          </p:cNvPr>
          <p:cNvSpPr txBox="1"/>
          <p:nvPr/>
        </p:nvSpPr>
        <p:spPr>
          <a:xfrm>
            <a:off x="266915" y="24422"/>
            <a:ext cx="106277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る　ぐち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019161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" name="二等辺三角形 45"/>
          <p:cNvSpPr/>
          <p:nvPr/>
        </p:nvSpPr>
        <p:spPr>
          <a:xfrm rot="7043784">
            <a:off x="2760348" y="3403246"/>
            <a:ext cx="420342" cy="1927804"/>
          </a:xfrm>
          <a:prstGeom prst="triangle">
            <a:avLst>
              <a:gd name="adj" fmla="val 32035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sp>
        <p:nvSpPr>
          <p:cNvPr id="47" name="円/楕円 46"/>
          <p:cNvSpPr/>
          <p:nvPr/>
        </p:nvSpPr>
        <p:spPr>
          <a:xfrm>
            <a:off x="778886" y="2637746"/>
            <a:ext cx="1724152" cy="1724152"/>
          </a:xfrm>
          <a:prstGeom prst="ellipse">
            <a:avLst/>
          </a:prstGeom>
          <a:solidFill>
            <a:schemeClr val="bg1">
              <a:lumMod val="95000"/>
            </a:schemeClr>
          </a:solidFill>
          <a:ln w="76200" cmpd="thickThin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ja-JP" altLang="en-US"/>
          </a:p>
        </p:txBody>
      </p:sp>
      <p:sp>
        <p:nvSpPr>
          <p:cNvPr id="59" name="二等辺三角形 58"/>
          <p:cNvSpPr/>
          <p:nvPr/>
        </p:nvSpPr>
        <p:spPr>
          <a:xfrm rot="4952934">
            <a:off x="2369305" y="4624459"/>
            <a:ext cx="420342" cy="1374844"/>
          </a:xfrm>
          <a:prstGeom prst="triangle">
            <a:avLst>
              <a:gd name="adj" fmla="val 32035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sp>
        <p:nvSpPr>
          <p:cNvPr id="64" name="円/楕円 63"/>
          <p:cNvSpPr/>
          <p:nvPr/>
        </p:nvSpPr>
        <p:spPr>
          <a:xfrm>
            <a:off x="288835" y="4577038"/>
            <a:ext cx="1724152" cy="1724152"/>
          </a:xfrm>
          <a:prstGeom prst="ellipse">
            <a:avLst/>
          </a:prstGeom>
          <a:solidFill>
            <a:schemeClr val="bg1">
              <a:lumMod val="95000"/>
            </a:schemeClr>
          </a:solidFill>
          <a:ln w="76200" cmpd="thickThin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ja-JP" altLang="en-US"/>
          </a:p>
        </p:txBody>
      </p:sp>
      <p:pic>
        <p:nvPicPr>
          <p:cNvPr id="1026" name="Picture 2" descr="D:\_プロジェクト\201512_徳島市教育研究所\07_illustration\美波さん友達2修正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0039" y="4635839"/>
            <a:ext cx="1028062" cy="153485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7" name="Picture 3" descr="D:\_プロジェクト\201512_徳島市教育研究所\07_illustration\美波さん友達3修正.pn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3600" y="2837800"/>
            <a:ext cx="1513035" cy="12968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6. </a:t>
            </a:r>
            <a:r>
              <a:rPr lang="ja-JP" altLang="en-US" dirty="0"/>
              <a:t>悪口を書かない</a:t>
            </a:r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9" y="1048261"/>
            <a:ext cx="8843422" cy="14927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ほかのお友達まで、ナカちゃんの悪口を言いはじめました。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かるい気持ちで書いたのに、このままではたいへんなことになってしまいそうです。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</p:txBody>
      </p:sp>
      <p:pic>
        <p:nvPicPr>
          <p:cNvPr id="50" name="図 49"/>
          <p:cNvPicPr>
            <a:picLocks noChangeAspect="1"/>
          </p:cNvPicPr>
          <p:nvPr/>
        </p:nvPicPr>
        <p:blipFill>
          <a:blip r:embed="rId6" cstate="print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sharpenSoften amount="5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8954027" flipH="1">
            <a:off x="206979" y="2590088"/>
            <a:ext cx="683583" cy="731433"/>
          </a:xfrm>
          <a:prstGeom prst="rect">
            <a:avLst/>
          </a:prstGeom>
        </p:spPr>
      </p:pic>
      <p:pic>
        <p:nvPicPr>
          <p:cNvPr id="58" name="図 57"/>
          <p:cNvPicPr>
            <a:picLocks noChangeAspect="1"/>
          </p:cNvPicPr>
          <p:nvPr/>
        </p:nvPicPr>
        <p:blipFill>
          <a:blip r:embed="rId6" cstate="print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sharpenSoften amount="5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20763385" flipH="1">
            <a:off x="133891" y="4211322"/>
            <a:ext cx="683583" cy="731433"/>
          </a:xfrm>
          <a:prstGeom prst="rect">
            <a:avLst/>
          </a:prstGeom>
        </p:spPr>
      </p:pic>
      <p:grpSp>
        <p:nvGrpSpPr>
          <p:cNvPr id="80" name="グループ化 79"/>
          <p:cNvGrpSpPr/>
          <p:nvPr/>
        </p:nvGrpSpPr>
        <p:grpSpPr>
          <a:xfrm rot="12218126">
            <a:off x="7485113" y="4517270"/>
            <a:ext cx="457311" cy="726317"/>
            <a:chOff x="1083656" y="4481020"/>
            <a:chExt cx="215900" cy="342900"/>
          </a:xfrm>
          <a:solidFill>
            <a:schemeClr val="accent1"/>
          </a:solidFill>
        </p:grpSpPr>
        <p:sp>
          <p:nvSpPr>
            <p:cNvPr id="81" name="フリーフォーム 80"/>
            <p:cNvSpPr/>
            <p:nvPr/>
          </p:nvSpPr>
          <p:spPr>
            <a:xfrm>
              <a:off x="1083656" y="4604845"/>
              <a:ext cx="161925" cy="74613"/>
            </a:xfrm>
            <a:custGeom>
              <a:avLst/>
              <a:gdLst>
                <a:gd name="connsiteX0" fmla="*/ 276225 w 276225"/>
                <a:gd name="connsiteY0" fmla="*/ 90487 h 178593"/>
                <a:gd name="connsiteX1" fmla="*/ 0 w 276225"/>
                <a:gd name="connsiteY1" fmla="*/ 0 h 178593"/>
                <a:gd name="connsiteX2" fmla="*/ 26194 w 276225"/>
                <a:gd name="connsiteY2" fmla="*/ 178593 h 178593"/>
                <a:gd name="connsiteX3" fmla="*/ 276225 w 276225"/>
                <a:gd name="connsiteY3" fmla="*/ 90487 h 178593"/>
                <a:gd name="connsiteX0" fmla="*/ 310402 w 310402"/>
                <a:gd name="connsiteY0" fmla="*/ 90487 h 178593"/>
                <a:gd name="connsiteX1" fmla="*/ 34177 w 310402"/>
                <a:gd name="connsiteY1" fmla="*/ 0 h 178593"/>
                <a:gd name="connsiteX2" fmla="*/ 60371 w 310402"/>
                <a:gd name="connsiteY2" fmla="*/ 178593 h 178593"/>
                <a:gd name="connsiteX3" fmla="*/ 310402 w 310402"/>
                <a:gd name="connsiteY3" fmla="*/ 90487 h 178593"/>
                <a:gd name="connsiteX0" fmla="*/ 328987 w 328987"/>
                <a:gd name="connsiteY0" fmla="*/ 90487 h 178593"/>
                <a:gd name="connsiteX1" fmla="*/ 52762 w 328987"/>
                <a:gd name="connsiteY1" fmla="*/ 0 h 178593"/>
                <a:gd name="connsiteX2" fmla="*/ 78956 w 328987"/>
                <a:gd name="connsiteY2" fmla="*/ 178593 h 178593"/>
                <a:gd name="connsiteX3" fmla="*/ 328987 w 328987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22754 w 322754"/>
                <a:gd name="connsiteY0" fmla="*/ 59531 h 147637"/>
                <a:gd name="connsiteX1" fmla="*/ 65579 w 322754"/>
                <a:gd name="connsiteY1" fmla="*/ 0 h 147637"/>
                <a:gd name="connsiteX2" fmla="*/ 72723 w 322754"/>
                <a:gd name="connsiteY2" fmla="*/ 147637 h 147637"/>
                <a:gd name="connsiteX3" fmla="*/ 322754 w 322754"/>
                <a:gd name="connsiteY3" fmla="*/ 59531 h 1476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22754" h="147637">
                  <a:moveTo>
                    <a:pt x="322754" y="59531"/>
                  </a:moveTo>
                  <a:cubicBezTo>
                    <a:pt x="230679" y="29369"/>
                    <a:pt x="214804" y="18256"/>
                    <a:pt x="65579" y="0"/>
                  </a:cubicBezTo>
                  <a:cubicBezTo>
                    <a:pt x="-32847" y="61912"/>
                    <a:pt x="-12208" y="119062"/>
                    <a:pt x="72723" y="147637"/>
                  </a:cubicBezTo>
                  <a:cubicBezTo>
                    <a:pt x="201310" y="134937"/>
                    <a:pt x="239410" y="88900"/>
                    <a:pt x="322754" y="59531"/>
                  </a:cubicBezTo>
                  <a:close/>
                </a:path>
              </a:pathLst>
            </a:custGeom>
            <a:grpFill/>
            <a:ln w="6350" cap="flat" cmpd="sng" algn="ctr">
              <a:noFill/>
              <a:prstDash val="solid"/>
            </a:ln>
            <a:effectLst/>
          </p:spPr>
          <p:txBody>
            <a:bodyPr anchor="ctr"/>
            <a:lstStyle/>
            <a:p>
              <a:pPr marL="0" marR="0" lvl="0" indent="0" algn="ctr" defTabSz="914400" eaLnBrk="1" fontAlgn="base" latinLnBrk="0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  <p:sp>
          <p:nvSpPr>
            <p:cNvPr id="82" name="フリーフォーム 81"/>
            <p:cNvSpPr/>
            <p:nvPr/>
          </p:nvSpPr>
          <p:spPr>
            <a:xfrm rot="1937600">
              <a:off x="1137631" y="4481020"/>
              <a:ext cx="161925" cy="73025"/>
            </a:xfrm>
            <a:custGeom>
              <a:avLst/>
              <a:gdLst>
                <a:gd name="connsiteX0" fmla="*/ 276225 w 276225"/>
                <a:gd name="connsiteY0" fmla="*/ 90487 h 178593"/>
                <a:gd name="connsiteX1" fmla="*/ 0 w 276225"/>
                <a:gd name="connsiteY1" fmla="*/ 0 h 178593"/>
                <a:gd name="connsiteX2" fmla="*/ 26194 w 276225"/>
                <a:gd name="connsiteY2" fmla="*/ 178593 h 178593"/>
                <a:gd name="connsiteX3" fmla="*/ 276225 w 276225"/>
                <a:gd name="connsiteY3" fmla="*/ 90487 h 178593"/>
                <a:gd name="connsiteX0" fmla="*/ 310402 w 310402"/>
                <a:gd name="connsiteY0" fmla="*/ 90487 h 178593"/>
                <a:gd name="connsiteX1" fmla="*/ 34177 w 310402"/>
                <a:gd name="connsiteY1" fmla="*/ 0 h 178593"/>
                <a:gd name="connsiteX2" fmla="*/ 60371 w 310402"/>
                <a:gd name="connsiteY2" fmla="*/ 178593 h 178593"/>
                <a:gd name="connsiteX3" fmla="*/ 310402 w 310402"/>
                <a:gd name="connsiteY3" fmla="*/ 90487 h 178593"/>
                <a:gd name="connsiteX0" fmla="*/ 328987 w 328987"/>
                <a:gd name="connsiteY0" fmla="*/ 90487 h 178593"/>
                <a:gd name="connsiteX1" fmla="*/ 52762 w 328987"/>
                <a:gd name="connsiteY1" fmla="*/ 0 h 178593"/>
                <a:gd name="connsiteX2" fmla="*/ 78956 w 328987"/>
                <a:gd name="connsiteY2" fmla="*/ 178593 h 178593"/>
                <a:gd name="connsiteX3" fmla="*/ 328987 w 328987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22754 w 322754"/>
                <a:gd name="connsiteY0" fmla="*/ 59531 h 147637"/>
                <a:gd name="connsiteX1" fmla="*/ 65579 w 322754"/>
                <a:gd name="connsiteY1" fmla="*/ 0 h 147637"/>
                <a:gd name="connsiteX2" fmla="*/ 72723 w 322754"/>
                <a:gd name="connsiteY2" fmla="*/ 147637 h 147637"/>
                <a:gd name="connsiteX3" fmla="*/ 322754 w 322754"/>
                <a:gd name="connsiteY3" fmla="*/ 59531 h 1476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22754" h="147637">
                  <a:moveTo>
                    <a:pt x="322754" y="59531"/>
                  </a:moveTo>
                  <a:cubicBezTo>
                    <a:pt x="230679" y="29369"/>
                    <a:pt x="214804" y="18256"/>
                    <a:pt x="65579" y="0"/>
                  </a:cubicBezTo>
                  <a:cubicBezTo>
                    <a:pt x="-32847" y="61912"/>
                    <a:pt x="-12208" y="119062"/>
                    <a:pt x="72723" y="147637"/>
                  </a:cubicBezTo>
                  <a:cubicBezTo>
                    <a:pt x="201310" y="134937"/>
                    <a:pt x="239410" y="88900"/>
                    <a:pt x="322754" y="59531"/>
                  </a:cubicBezTo>
                  <a:close/>
                </a:path>
              </a:pathLst>
            </a:custGeom>
            <a:grpFill/>
            <a:ln w="6350" cap="flat" cmpd="sng" algn="ctr">
              <a:noFill/>
              <a:prstDash val="solid"/>
            </a:ln>
            <a:effectLst/>
          </p:spPr>
          <p:txBody>
            <a:bodyPr anchor="ctr"/>
            <a:lstStyle/>
            <a:p>
              <a:pPr marL="0" marR="0" lvl="0" indent="0" algn="ctr" defTabSz="914400" eaLnBrk="1" fontAlgn="base" latinLnBrk="0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  <p:sp>
          <p:nvSpPr>
            <p:cNvPr id="83" name="フリーフォーム 82"/>
            <p:cNvSpPr/>
            <p:nvPr/>
          </p:nvSpPr>
          <p:spPr>
            <a:xfrm rot="18864030">
              <a:off x="1159856" y="4706446"/>
              <a:ext cx="160337" cy="74612"/>
            </a:xfrm>
            <a:custGeom>
              <a:avLst/>
              <a:gdLst>
                <a:gd name="connsiteX0" fmla="*/ 276225 w 276225"/>
                <a:gd name="connsiteY0" fmla="*/ 90487 h 178593"/>
                <a:gd name="connsiteX1" fmla="*/ 0 w 276225"/>
                <a:gd name="connsiteY1" fmla="*/ 0 h 178593"/>
                <a:gd name="connsiteX2" fmla="*/ 26194 w 276225"/>
                <a:gd name="connsiteY2" fmla="*/ 178593 h 178593"/>
                <a:gd name="connsiteX3" fmla="*/ 276225 w 276225"/>
                <a:gd name="connsiteY3" fmla="*/ 90487 h 178593"/>
                <a:gd name="connsiteX0" fmla="*/ 310402 w 310402"/>
                <a:gd name="connsiteY0" fmla="*/ 90487 h 178593"/>
                <a:gd name="connsiteX1" fmla="*/ 34177 w 310402"/>
                <a:gd name="connsiteY1" fmla="*/ 0 h 178593"/>
                <a:gd name="connsiteX2" fmla="*/ 60371 w 310402"/>
                <a:gd name="connsiteY2" fmla="*/ 178593 h 178593"/>
                <a:gd name="connsiteX3" fmla="*/ 310402 w 310402"/>
                <a:gd name="connsiteY3" fmla="*/ 90487 h 178593"/>
                <a:gd name="connsiteX0" fmla="*/ 328987 w 328987"/>
                <a:gd name="connsiteY0" fmla="*/ 90487 h 178593"/>
                <a:gd name="connsiteX1" fmla="*/ 52762 w 328987"/>
                <a:gd name="connsiteY1" fmla="*/ 0 h 178593"/>
                <a:gd name="connsiteX2" fmla="*/ 78956 w 328987"/>
                <a:gd name="connsiteY2" fmla="*/ 178593 h 178593"/>
                <a:gd name="connsiteX3" fmla="*/ 328987 w 328987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22754 w 322754"/>
                <a:gd name="connsiteY0" fmla="*/ 59531 h 147637"/>
                <a:gd name="connsiteX1" fmla="*/ 65579 w 322754"/>
                <a:gd name="connsiteY1" fmla="*/ 0 h 147637"/>
                <a:gd name="connsiteX2" fmla="*/ 72723 w 322754"/>
                <a:gd name="connsiteY2" fmla="*/ 147637 h 147637"/>
                <a:gd name="connsiteX3" fmla="*/ 322754 w 322754"/>
                <a:gd name="connsiteY3" fmla="*/ 59531 h 1476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22754" h="147637">
                  <a:moveTo>
                    <a:pt x="322754" y="59531"/>
                  </a:moveTo>
                  <a:cubicBezTo>
                    <a:pt x="230679" y="29369"/>
                    <a:pt x="214804" y="18256"/>
                    <a:pt x="65579" y="0"/>
                  </a:cubicBezTo>
                  <a:cubicBezTo>
                    <a:pt x="-32847" y="61912"/>
                    <a:pt x="-12208" y="119062"/>
                    <a:pt x="72723" y="147637"/>
                  </a:cubicBezTo>
                  <a:cubicBezTo>
                    <a:pt x="201310" y="134937"/>
                    <a:pt x="239410" y="88900"/>
                    <a:pt x="322754" y="59531"/>
                  </a:cubicBezTo>
                  <a:close/>
                </a:path>
              </a:pathLst>
            </a:custGeom>
            <a:grpFill/>
            <a:ln w="6350" cap="flat" cmpd="sng" algn="ctr">
              <a:noFill/>
              <a:prstDash val="solid"/>
            </a:ln>
            <a:effectLst/>
          </p:spPr>
          <p:txBody>
            <a:bodyPr anchor="ctr"/>
            <a:lstStyle/>
            <a:p>
              <a:pPr marL="0" marR="0" lvl="0" indent="0" algn="ctr" defTabSz="914400" eaLnBrk="1" fontAlgn="base" latinLnBrk="0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</p:grpSp>
      <p:grpSp>
        <p:nvGrpSpPr>
          <p:cNvPr id="29" name="グループ化 28"/>
          <p:cNvGrpSpPr/>
          <p:nvPr/>
        </p:nvGrpSpPr>
        <p:grpSpPr>
          <a:xfrm>
            <a:off x="1870603" y="2356016"/>
            <a:ext cx="2909245" cy="1973501"/>
            <a:chOff x="3206474" y="1325341"/>
            <a:chExt cx="6113660" cy="2658471"/>
          </a:xfrm>
        </p:grpSpPr>
        <p:grpSp>
          <p:nvGrpSpPr>
            <p:cNvPr id="30" name="グループ化 29"/>
            <p:cNvGrpSpPr/>
            <p:nvPr/>
          </p:nvGrpSpPr>
          <p:grpSpPr>
            <a:xfrm rot="389126">
              <a:off x="3206474" y="1325341"/>
              <a:ext cx="6113660" cy="2658471"/>
              <a:chOff x="-5223648" y="1664841"/>
              <a:chExt cx="5424994" cy="2961661"/>
            </a:xfrm>
          </p:grpSpPr>
          <p:sp>
            <p:nvSpPr>
              <p:cNvPr id="32" name="爆発 2 6"/>
              <p:cNvSpPr/>
              <p:nvPr/>
            </p:nvSpPr>
            <p:spPr>
              <a:xfrm rot="1236237">
                <a:off x="-5223648" y="1664841"/>
                <a:ext cx="5424994" cy="2961661"/>
              </a:xfrm>
              <a:prstGeom prst="irregularSeal2">
                <a:avLst/>
              </a:prstGeom>
              <a:solidFill>
                <a:schemeClr val="bg1"/>
              </a:solidFill>
              <a:ln w="38100">
                <a:solidFill>
                  <a:schemeClr val="accent5"/>
                </a:solidFill>
                <a:round/>
              </a:ln>
              <a:effectLst>
                <a:softEdge rad="3810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sz="1600">
                  <a:solidFill>
                    <a:schemeClr val="dk1"/>
                  </a:solidFill>
                </a:endParaRPr>
              </a:p>
            </p:txBody>
          </p:sp>
          <p:pic>
            <p:nvPicPr>
              <p:cNvPr id="33" name="Picture 4" descr="D:\ryuno\_徳島\コンテンツ制作\集中線.png"/>
              <p:cNvPicPr>
                <a:picLocks noChangeAspect="1" noChangeArrowheads="1"/>
              </p:cNvPicPr>
              <p:nvPr/>
            </p:nvPicPr>
            <p:blipFill>
              <a:blip r:embed="rId8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1222509">
                <a:off x="-5189863" y="1681931"/>
                <a:ext cx="5347870" cy="2869766"/>
              </a:xfrm>
              <a:prstGeom prst="irregularSeal2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31" name="テキスト ボックス 30"/>
            <p:cNvSpPr txBox="1"/>
            <p:nvPr/>
          </p:nvSpPr>
          <p:spPr>
            <a:xfrm rot="398895">
              <a:off x="4089118" y="2383365"/>
              <a:ext cx="4022481" cy="49016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ja-JP" altLang="en-US" dirty="0" err="1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わかるわかる</a:t>
              </a:r>
              <a:r>
                <a:rPr lang="ja-JP" altLang="en-US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！</a:t>
              </a:r>
            </a:p>
          </p:txBody>
        </p:sp>
      </p:grpSp>
      <p:grpSp>
        <p:nvGrpSpPr>
          <p:cNvPr id="5" name="グループ化 4"/>
          <p:cNvGrpSpPr/>
          <p:nvPr/>
        </p:nvGrpSpPr>
        <p:grpSpPr>
          <a:xfrm>
            <a:off x="4232555" y="1727622"/>
            <a:ext cx="4989765" cy="2196511"/>
            <a:chOff x="4334155" y="1525446"/>
            <a:chExt cx="4989765" cy="2196511"/>
          </a:xfrm>
        </p:grpSpPr>
        <p:grpSp>
          <p:nvGrpSpPr>
            <p:cNvPr id="6" name="グループ化 5"/>
            <p:cNvGrpSpPr/>
            <p:nvPr/>
          </p:nvGrpSpPr>
          <p:grpSpPr>
            <a:xfrm rot="1673048" flipH="1">
              <a:off x="4334155" y="1525446"/>
              <a:ext cx="4989765" cy="2196511"/>
              <a:chOff x="7795977" y="1601191"/>
              <a:chExt cx="4989765" cy="2196511"/>
            </a:xfrm>
          </p:grpSpPr>
          <p:sp>
            <p:nvSpPr>
              <p:cNvPr id="35" name="雲 31"/>
              <p:cNvSpPr/>
              <p:nvPr/>
            </p:nvSpPr>
            <p:spPr>
              <a:xfrm rot="6158944">
                <a:off x="8797871" y="831091"/>
                <a:ext cx="1964717" cy="3968506"/>
              </a:xfrm>
              <a:custGeom>
                <a:avLst/>
                <a:gdLst>
                  <a:gd name="connsiteX0" fmla="*/ 3900 w 43200"/>
                  <a:gd name="connsiteY0" fmla="*/ 14370 h 43200"/>
                  <a:gd name="connsiteX1" fmla="*/ 5623 w 43200"/>
                  <a:gd name="connsiteY1" fmla="*/ 6907 h 43200"/>
                  <a:gd name="connsiteX2" fmla="*/ 14005 w 43200"/>
                  <a:gd name="connsiteY2" fmla="*/ 5202 h 43200"/>
                  <a:gd name="connsiteX3" fmla="*/ 22456 w 43200"/>
                  <a:gd name="connsiteY3" fmla="*/ 3432 h 43200"/>
                  <a:gd name="connsiteX4" fmla="*/ 25749 w 43200"/>
                  <a:gd name="connsiteY4" fmla="*/ 200 h 43200"/>
                  <a:gd name="connsiteX5" fmla="*/ 29833 w 43200"/>
                  <a:gd name="connsiteY5" fmla="*/ 2481 h 43200"/>
                  <a:gd name="connsiteX6" fmla="*/ 35463 w 43200"/>
                  <a:gd name="connsiteY6" fmla="*/ 690 h 43200"/>
                  <a:gd name="connsiteX7" fmla="*/ 38318 w 43200"/>
                  <a:gd name="connsiteY7" fmla="*/ 5576 h 43200"/>
                  <a:gd name="connsiteX8" fmla="*/ 41982 w 43200"/>
                  <a:gd name="connsiteY8" fmla="*/ 10318 h 43200"/>
                  <a:gd name="connsiteX9" fmla="*/ 41818 w 43200"/>
                  <a:gd name="connsiteY9" fmla="*/ 15460 h 43200"/>
                  <a:gd name="connsiteX10" fmla="*/ 43016 w 43200"/>
                  <a:gd name="connsiteY10" fmla="*/ 23322 h 43200"/>
                  <a:gd name="connsiteX11" fmla="*/ 37404 w 43200"/>
                  <a:gd name="connsiteY11" fmla="*/ 30204 h 43200"/>
                  <a:gd name="connsiteX12" fmla="*/ 35395 w 43200"/>
                  <a:gd name="connsiteY12" fmla="*/ 36101 h 43200"/>
                  <a:gd name="connsiteX13" fmla="*/ 28555 w 43200"/>
                  <a:gd name="connsiteY13" fmla="*/ 36815 h 43200"/>
                  <a:gd name="connsiteX14" fmla="*/ 23667 w 43200"/>
                  <a:gd name="connsiteY14" fmla="*/ 43106 h 43200"/>
                  <a:gd name="connsiteX15" fmla="*/ 16480 w 43200"/>
                  <a:gd name="connsiteY15" fmla="*/ 39266 h 43200"/>
                  <a:gd name="connsiteX16" fmla="*/ 5804 w 43200"/>
                  <a:gd name="connsiteY16" fmla="*/ 35472 h 43200"/>
                  <a:gd name="connsiteX17" fmla="*/ 1110 w 43200"/>
                  <a:gd name="connsiteY17" fmla="*/ 31250 h 43200"/>
                  <a:gd name="connsiteX18" fmla="*/ 2113 w 43200"/>
                  <a:gd name="connsiteY18" fmla="*/ 25551 h 43200"/>
                  <a:gd name="connsiteX19" fmla="*/ -5 w 43200"/>
                  <a:gd name="connsiteY19" fmla="*/ 19704 h 43200"/>
                  <a:gd name="connsiteX20" fmla="*/ 3863 w 43200"/>
                  <a:gd name="connsiteY20" fmla="*/ 14507 h 43200"/>
                  <a:gd name="connsiteX21" fmla="*/ 3900 w 43200"/>
                  <a:gd name="connsiteY21" fmla="*/ 14370 h 43200"/>
                  <a:gd name="connsiteX0" fmla="*/ 4693 w 43200"/>
                  <a:gd name="connsiteY0" fmla="*/ 26177 h 43200"/>
                  <a:gd name="connsiteX1" fmla="*/ 2160 w 43200"/>
                  <a:gd name="connsiteY1" fmla="*/ 25380 h 43200"/>
                  <a:gd name="connsiteX2" fmla="*/ 6928 w 43200"/>
                  <a:gd name="connsiteY2" fmla="*/ 34899 h 43200"/>
                  <a:gd name="connsiteX3" fmla="*/ 5820 w 43200"/>
                  <a:gd name="connsiteY3" fmla="*/ 35280 h 43200"/>
                  <a:gd name="connsiteX4" fmla="*/ 16478 w 43200"/>
                  <a:gd name="connsiteY4" fmla="*/ 39090 h 43200"/>
                  <a:gd name="connsiteX5" fmla="*/ 15810 w 43200"/>
                  <a:gd name="connsiteY5" fmla="*/ 37350 h 43200"/>
                  <a:gd name="connsiteX6" fmla="*/ 28827 w 43200"/>
                  <a:gd name="connsiteY6" fmla="*/ 34751 h 43200"/>
                  <a:gd name="connsiteX7" fmla="*/ 28560 w 43200"/>
                  <a:gd name="connsiteY7" fmla="*/ 36660 h 43200"/>
                  <a:gd name="connsiteX8" fmla="*/ 34129 w 43200"/>
                  <a:gd name="connsiteY8" fmla="*/ 22954 h 43200"/>
                  <a:gd name="connsiteX9" fmla="*/ 37380 w 43200"/>
                  <a:gd name="connsiteY9" fmla="*/ 30090 h 43200"/>
                  <a:gd name="connsiteX10" fmla="*/ 41798 w 43200"/>
                  <a:gd name="connsiteY10" fmla="*/ 15354 h 43200"/>
                  <a:gd name="connsiteX11" fmla="*/ 40350 w 43200"/>
                  <a:gd name="connsiteY11" fmla="*/ 18030 h 43200"/>
                  <a:gd name="connsiteX12" fmla="*/ 38324 w 43200"/>
                  <a:gd name="connsiteY12" fmla="*/ 5426 h 43200"/>
                  <a:gd name="connsiteX13" fmla="*/ 38400 w 43200"/>
                  <a:gd name="connsiteY13" fmla="*/ 6690 h 43200"/>
                  <a:gd name="connsiteX14" fmla="*/ 29078 w 43200"/>
                  <a:gd name="connsiteY14" fmla="*/ 3952 h 43200"/>
                  <a:gd name="connsiteX15" fmla="*/ 29820 w 43200"/>
                  <a:gd name="connsiteY15" fmla="*/ 2340 h 43200"/>
                  <a:gd name="connsiteX16" fmla="*/ 22141 w 43200"/>
                  <a:gd name="connsiteY16" fmla="*/ 4720 h 43200"/>
                  <a:gd name="connsiteX17" fmla="*/ 22500 w 43200"/>
                  <a:gd name="connsiteY17" fmla="*/ 3330 h 43200"/>
                  <a:gd name="connsiteX18" fmla="*/ 14000 w 43200"/>
                  <a:gd name="connsiteY18" fmla="*/ 5192 h 43200"/>
                  <a:gd name="connsiteX19" fmla="*/ 15300 w 43200"/>
                  <a:gd name="connsiteY19" fmla="*/ 6540 h 43200"/>
                  <a:gd name="connsiteX20" fmla="*/ 4127 w 43200"/>
                  <a:gd name="connsiteY20" fmla="*/ 15789 h 43200"/>
                  <a:gd name="connsiteX21" fmla="*/ 3900 w 43200"/>
                  <a:gd name="connsiteY21" fmla="*/ 14370 h 43200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36173 w 43256"/>
                  <a:gd name="connsiteY8" fmla="*/ 25158 h 43219"/>
                  <a:gd name="connsiteX9" fmla="*/ 37416 w 43256"/>
                  <a:gd name="connsiteY9" fmla="*/ 29949 h 43219"/>
                  <a:gd name="connsiteX10" fmla="*/ 41834 w 43256"/>
                  <a:gd name="connsiteY10" fmla="*/ 15213 h 43219"/>
                  <a:gd name="connsiteX11" fmla="*/ 40386 w 43256"/>
                  <a:gd name="connsiteY11" fmla="*/ 17889 h 43219"/>
                  <a:gd name="connsiteX12" fmla="*/ 38360 w 43256"/>
                  <a:gd name="connsiteY12" fmla="*/ 5285 h 43219"/>
                  <a:gd name="connsiteX13" fmla="*/ 38436 w 43256"/>
                  <a:gd name="connsiteY13" fmla="*/ 6549 h 43219"/>
                  <a:gd name="connsiteX14" fmla="*/ 29114 w 43256"/>
                  <a:gd name="connsiteY14" fmla="*/ 3811 h 43219"/>
                  <a:gd name="connsiteX15" fmla="*/ 29856 w 43256"/>
                  <a:gd name="connsiteY15" fmla="*/ 2199 h 43219"/>
                  <a:gd name="connsiteX16" fmla="*/ 22177 w 43256"/>
                  <a:gd name="connsiteY16" fmla="*/ 4579 h 43219"/>
                  <a:gd name="connsiteX17" fmla="*/ 22536 w 43256"/>
                  <a:gd name="connsiteY17" fmla="*/ 3189 h 43219"/>
                  <a:gd name="connsiteX18" fmla="*/ 14036 w 43256"/>
                  <a:gd name="connsiteY18" fmla="*/ 5051 h 43219"/>
                  <a:gd name="connsiteX19" fmla="*/ 15336 w 43256"/>
                  <a:gd name="connsiteY19" fmla="*/ 6399 h 43219"/>
                  <a:gd name="connsiteX20" fmla="*/ 4163 w 43256"/>
                  <a:gd name="connsiteY20" fmla="*/ 15648 h 43219"/>
                  <a:gd name="connsiteX21" fmla="*/ 3936 w 43256"/>
                  <a:gd name="connsiteY21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41834 w 43256"/>
                  <a:gd name="connsiteY8" fmla="*/ 15213 h 43219"/>
                  <a:gd name="connsiteX9" fmla="*/ 40386 w 43256"/>
                  <a:gd name="connsiteY9" fmla="*/ 17889 h 43219"/>
                  <a:gd name="connsiteX10" fmla="*/ 38360 w 43256"/>
                  <a:gd name="connsiteY10" fmla="*/ 5285 h 43219"/>
                  <a:gd name="connsiteX11" fmla="*/ 38436 w 43256"/>
                  <a:gd name="connsiteY11" fmla="*/ 6549 h 43219"/>
                  <a:gd name="connsiteX12" fmla="*/ 29114 w 43256"/>
                  <a:gd name="connsiteY12" fmla="*/ 3811 h 43219"/>
                  <a:gd name="connsiteX13" fmla="*/ 29856 w 43256"/>
                  <a:gd name="connsiteY13" fmla="*/ 2199 h 43219"/>
                  <a:gd name="connsiteX14" fmla="*/ 22177 w 43256"/>
                  <a:gd name="connsiteY14" fmla="*/ 4579 h 43219"/>
                  <a:gd name="connsiteX15" fmla="*/ 22536 w 43256"/>
                  <a:gd name="connsiteY15" fmla="*/ 3189 h 43219"/>
                  <a:gd name="connsiteX16" fmla="*/ 14036 w 43256"/>
                  <a:gd name="connsiteY16" fmla="*/ 5051 h 43219"/>
                  <a:gd name="connsiteX17" fmla="*/ 15336 w 43256"/>
                  <a:gd name="connsiteY17" fmla="*/ 6399 h 43219"/>
                  <a:gd name="connsiteX18" fmla="*/ 4163 w 43256"/>
                  <a:gd name="connsiteY18" fmla="*/ 15648 h 43219"/>
                  <a:gd name="connsiteX19" fmla="*/ 3936 w 43256"/>
                  <a:gd name="connsiteY19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28863 w 43256"/>
                  <a:gd name="connsiteY4" fmla="*/ 34610 h 43219"/>
                  <a:gd name="connsiteX5" fmla="*/ 28596 w 43256"/>
                  <a:gd name="connsiteY5" fmla="*/ 36519 h 43219"/>
                  <a:gd name="connsiteX6" fmla="*/ 41834 w 43256"/>
                  <a:gd name="connsiteY6" fmla="*/ 15213 h 43219"/>
                  <a:gd name="connsiteX7" fmla="*/ 40386 w 43256"/>
                  <a:gd name="connsiteY7" fmla="*/ 17889 h 43219"/>
                  <a:gd name="connsiteX8" fmla="*/ 38360 w 43256"/>
                  <a:gd name="connsiteY8" fmla="*/ 5285 h 43219"/>
                  <a:gd name="connsiteX9" fmla="*/ 38436 w 43256"/>
                  <a:gd name="connsiteY9" fmla="*/ 6549 h 43219"/>
                  <a:gd name="connsiteX10" fmla="*/ 29114 w 43256"/>
                  <a:gd name="connsiteY10" fmla="*/ 3811 h 43219"/>
                  <a:gd name="connsiteX11" fmla="*/ 29856 w 43256"/>
                  <a:gd name="connsiteY11" fmla="*/ 2199 h 43219"/>
                  <a:gd name="connsiteX12" fmla="*/ 22177 w 43256"/>
                  <a:gd name="connsiteY12" fmla="*/ 4579 h 43219"/>
                  <a:gd name="connsiteX13" fmla="*/ 22536 w 43256"/>
                  <a:gd name="connsiteY13" fmla="*/ 3189 h 43219"/>
                  <a:gd name="connsiteX14" fmla="*/ 14036 w 43256"/>
                  <a:gd name="connsiteY14" fmla="*/ 5051 h 43219"/>
                  <a:gd name="connsiteX15" fmla="*/ 15336 w 43256"/>
                  <a:gd name="connsiteY15" fmla="*/ 6399 h 43219"/>
                  <a:gd name="connsiteX16" fmla="*/ 4163 w 43256"/>
                  <a:gd name="connsiteY16" fmla="*/ 15648 h 43219"/>
                  <a:gd name="connsiteX17" fmla="*/ 3936 w 43256"/>
                  <a:gd name="connsiteY17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28863 w 43256"/>
                  <a:gd name="connsiteY2" fmla="*/ 34610 h 43219"/>
                  <a:gd name="connsiteX3" fmla="*/ 28596 w 43256"/>
                  <a:gd name="connsiteY3" fmla="*/ 36519 h 43219"/>
                  <a:gd name="connsiteX4" fmla="*/ 41834 w 43256"/>
                  <a:gd name="connsiteY4" fmla="*/ 15213 h 43219"/>
                  <a:gd name="connsiteX5" fmla="*/ 40386 w 43256"/>
                  <a:gd name="connsiteY5" fmla="*/ 17889 h 43219"/>
                  <a:gd name="connsiteX6" fmla="*/ 38360 w 43256"/>
                  <a:gd name="connsiteY6" fmla="*/ 5285 h 43219"/>
                  <a:gd name="connsiteX7" fmla="*/ 38436 w 43256"/>
                  <a:gd name="connsiteY7" fmla="*/ 6549 h 43219"/>
                  <a:gd name="connsiteX8" fmla="*/ 29114 w 43256"/>
                  <a:gd name="connsiteY8" fmla="*/ 3811 h 43219"/>
                  <a:gd name="connsiteX9" fmla="*/ 29856 w 43256"/>
                  <a:gd name="connsiteY9" fmla="*/ 2199 h 43219"/>
                  <a:gd name="connsiteX10" fmla="*/ 22177 w 43256"/>
                  <a:gd name="connsiteY10" fmla="*/ 4579 h 43219"/>
                  <a:gd name="connsiteX11" fmla="*/ 22536 w 43256"/>
                  <a:gd name="connsiteY11" fmla="*/ 3189 h 43219"/>
                  <a:gd name="connsiteX12" fmla="*/ 14036 w 43256"/>
                  <a:gd name="connsiteY12" fmla="*/ 5051 h 43219"/>
                  <a:gd name="connsiteX13" fmla="*/ 15336 w 43256"/>
                  <a:gd name="connsiteY13" fmla="*/ 6399 h 43219"/>
                  <a:gd name="connsiteX14" fmla="*/ 4163 w 43256"/>
                  <a:gd name="connsiteY14" fmla="*/ 15648 h 43219"/>
                  <a:gd name="connsiteX15" fmla="*/ 3936 w 43256"/>
                  <a:gd name="connsiteY15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12" fmla="*/ 4163 w 43256"/>
                  <a:gd name="connsiteY12" fmla="*/ 15648 h 43219"/>
                  <a:gd name="connsiteX13" fmla="*/ 3936 w 43256"/>
                  <a:gd name="connsiteY13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45 w 43256"/>
                  <a:gd name="connsiteY0" fmla="*/ 34309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734 w 43256"/>
                  <a:gd name="connsiteY0" fmla="*/ 35017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12 w 43256"/>
                  <a:gd name="connsiteY13" fmla="*/ 35606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606 w 43256"/>
                  <a:gd name="connsiteY14" fmla="*/ 35594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606 w 43256"/>
                  <a:gd name="connsiteY14" fmla="*/ 35594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606 w 43256"/>
                  <a:gd name="connsiteY14" fmla="*/ 35594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982 w 43256"/>
                  <a:gd name="connsiteY14" fmla="*/ 35098 h 43219"/>
                  <a:gd name="connsiteX15" fmla="*/ 35606 w 43256"/>
                  <a:gd name="connsiteY15" fmla="*/ 35594 h 43219"/>
                  <a:gd name="connsiteX16" fmla="*/ 35118 w 43256"/>
                  <a:gd name="connsiteY16" fmla="*/ 36183 h 43219"/>
                  <a:gd name="connsiteX17" fmla="*/ 28591 w 43256"/>
                  <a:gd name="connsiteY17" fmla="*/ 36674 h 43219"/>
                  <a:gd name="connsiteX18" fmla="*/ 23703 w 43256"/>
                  <a:gd name="connsiteY18" fmla="*/ 42965 h 43219"/>
                  <a:gd name="connsiteX19" fmla="*/ 16516 w 43256"/>
                  <a:gd name="connsiteY19" fmla="*/ 39125 h 43219"/>
                  <a:gd name="connsiteX20" fmla="*/ 5840 w 43256"/>
                  <a:gd name="connsiteY20" fmla="*/ 35331 h 43219"/>
                  <a:gd name="connsiteX21" fmla="*/ 1146 w 43256"/>
                  <a:gd name="connsiteY21" fmla="*/ 31109 h 43219"/>
                  <a:gd name="connsiteX22" fmla="*/ 2149 w 43256"/>
                  <a:gd name="connsiteY22" fmla="*/ 25410 h 43219"/>
                  <a:gd name="connsiteX23" fmla="*/ 31 w 43256"/>
                  <a:gd name="connsiteY23" fmla="*/ 19563 h 43219"/>
                  <a:gd name="connsiteX24" fmla="*/ 3899 w 43256"/>
                  <a:gd name="connsiteY24" fmla="*/ 14366 h 43219"/>
                  <a:gd name="connsiteX25" fmla="*/ 3936 w 43256"/>
                  <a:gd name="connsiteY25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606 w 43256"/>
                  <a:gd name="connsiteY14" fmla="*/ 35594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118 w 43256"/>
                  <a:gd name="connsiteY14" fmla="*/ 36183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1144 w 43256"/>
                  <a:gd name="connsiteY12" fmla="*/ 37651 h 43219"/>
                  <a:gd name="connsiteX13" fmla="*/ 35118 w 43256"/>
                  <a:gd name="connsiteY13" fmla="*/ 36183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1144 w 43256"/>
                  <a:gd name="connsiteY12" fmla="*/ 37651 h 43219"/>
                  <a:gd name="connsiteX13" fmla="*/ 35118 w 43256"/>
                  <a:gd name="connsiteY13" fmla="*/ 36183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1144 w 43256"/>
                  <a:gd name="connsiteY12" fmla="*/ 37651 h 43219"/>
                  <a:gd name="connsiteX13" fmla="*/ 35118 w 43256"/>
                  <a:gd name="connsiteY13" fmla="*/ 36183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2175 w 43256"/>
                  <a:gd name="connsiteY12" fmla="*/ 39794 h 43219"/>
                  <a:gd name="connsiteX13" fmla="*/ 35118 w 43256"/>
                  <a:gd name="connsiteY13" fmla="*/ 36183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2175 w 43256"/>
                  <a:gd name="connsiteY12" fmla="*/ 39794 h 43219"/>
                  <a:gd name="connsiteX13" fmla="*/ 35118 w 43256"/>
                  <a:gd name="connsiteY13" fmla="*/ 36183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2175 w 43256"/>
                  <a:gd name="connsiteY12" fmla="*/ 39794 h 43219"/>
                  <a:gd name="connsiteX13" fmla="*/ 34806 w 43256"/>
                  <a:gd name="connsiteY13" fmla="*/ 35056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2175 w 43256"/>
                  <a:gd name="connsiteY12" fmla="*/ 39794 h 43219"/>
                  <a:gd name="connsiteX13" fmla="*/ 34806 w 43256"/>
                  <a:gd name="connsiteY13" fmla="*/ 35056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2175 w 43256"/>
                  <a:gd name="connsiteY12" fmla="*/ 39794 h 43219"/>
                  <a:gd name="connsiteX13" fmla="*/ 34806 w 43256"/>
                  <a:gd name="connsiteY13" fmla="*/ 35056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42175 w 43367"/>
                  <a:gd name="connsiteY12" fmla="*/ 39794 h 43219"/>
                  <a:gd name="connsiteX13" fmla="*/ 34806 w 43367"/>
                  <a:gd name="connsiteY13" fmla="*/ 35056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42820 w 43367"/>
                  <a:gd name="connsiteY12" fmla="*/ 40458 h 43219"/>
                  <a:gd name="connsiteX13" fmla="*/ 34806 w 43367"/>
                  <a:gd name="connsiteY13" fmla="*/ 35056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42820 w 43367"/>
                  <a:gd name="connsiteY12" fmla="*/ 40458 h 43219"/>
                  <a:gd name="connsiteX13" fmla="*/ 34806 w 43367"/>
                  <a:gd name="connsiteY13" fmla="*/ 35056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42820 w 43367"/>
                  <a:gd name="connsiteY12" fmla="*/ 40458 h 43219"/>
                  <a:gd name="connsiteX13" fmla="*/ 34840 w 43367"/>
                  <a:gd name="connsiteY13" fmla="*/ 35172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42820 w 43367"/>
                  <a:gd name="connsiteY12" fmla="*/ 40458 h 43219"/>
                  <a:gd name="connsiteX13" fmla="*/ 34840 w 43367"/>
                  <a:gd name="connsiteY13" fmla="*/ 35172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446"/>
                  <a:gd name="connsiteY0" fmla="*/ 14229 h 43219"/>
                  <a:gd name="connsiteX1" fmla="*/ 5659 w 43446"/>
                  <a:gd name="connsiteY1" fmla="*/ 6766 h 43219"/>
                  <a:gd name="connsiteX2" fmla="*/ 14041 w 43446"/>
                  <a:gd name="connsiteY2" fmla="*/ 5061 h 43219"/>
                  <a:gd name="connsiteX3" fmla="*/ 22492 w 43446"/>
                  <a:gd name="connsiteY3" fmla="*/ 3291 h 43219"/>
                  <a:gd name="connsiteX4" fmla="*/ 25785 w 43446"/>
                  <a:gd name="connsiteY4" fmla="*/ 59 h 43219"/>
                  <a:gd name="connsiteX5" fmla="*/ 29869 w 43446"/>
                  <a:gd name="connsiteY5" fmla="*/ 2340 h 43219"/>
                  <a:gd name="connsiteX6" fmla="*/ 35499 w 43446"/>
                  <a:gd name="connsiteY6" fmla="*/ 549 h 43219"/>
                  <a:gd name="connsiteX7" fmla="*/ 38354 w 43446"/>
                  <a:gd name="connsiteY7" fmla="*/ 5435 h 43219"/>
                  <a:gd name="connsiteX8" fmla="*/ 42018 w 43446"/>
                  <a:gd name="connsiteY8" fmla="*/ 10177 h 43219"/>
                  <a:gd name="connsiteX9" fmla="*/ 41854 w 43446"/>
                  <a:gd name="connsiteY9" fmla="*/ 15319 h 43219"/>
                  <a:gd name="connsiteX10" fmla="*/ 43052 w 43446"/>
                  <a:gd name="connsiteY10" fmla="*/ 23181 h 43219"/>
                  <a:gd name="connsiteX11" fmla="*/ 37286 w 43446"/>
                  <a:gd name="connsiteY11" fmla="*/ 30591 h 43219"/>
                  <a:gd name="connsiteX12" fmla="*/ 43446 w 43446"/>
                  <a:gd name="connsiteY12" fmla="*/ 40687 h 43219"/>
                  <a:gd name="connsiteX13" fmla="*/ 34840 w 43446"/>
                  <a:gd name="connsiteY13" fmla="*/ 35172 h 43219"/>
                  <a:gd name="connsiteX14" fmla="*/ 28591 w 43446"/>
                  <a:gd name="connsiteY14" fmla="*/ 36674 h 43219"/>
                  <a:gd name="connsiteX15" fmla="*/ 23703 w 43446"/>
                  <a:gd name="connsiteY15" fmla="*/ 42965 h 43219"/>
                  <a:gd name="connsiteX16" fmla="*/ 16516 w 43446"/>
                  <a:gd name="connsiteY16" fmla="*/ 39125 h 43219"/>
                  <a:gd name="connsiteX17" fmla="*/ 5840 w 43446"/>
                  <a:gd name="connsiteY17" fmla="*/ 35331 h 43219"/>
                  <a:gd name="connsiteX18" fmla="*/ 1146 w 43446"/>
                  <a:gd name="connsiteY18" fmla="*/ 31109 h 43219"/>
                  <a:gd name="connsiteX19" fmla="*/ 2149 w 43446"/>
                  <a:gd name="connsiteY19" fmla="*/ 25410 h 43219"/>
                  <a:gd name="connsiteX20" fmla="*/ 31 w 43446"/>
                  <a:gd name="connsiteY20" fmla="*/ 19563 h 43219"/>
                  <a:gd name="connsiteX21" fmla="*/ 3899 w 43446"/>
                  <a:gd name="connsiteY21" fmla="*/ 14366 h 43219"/>
                  <a:gd name="connsiteX22" fmla="*/ 3936 w 43446"/>
                  <a:gd name="connsiteY22" fmla="*/ 14229 h 43219"/>
                  <a:gd name="connsiteX0" fmla="*/ 28619 w 43446"/>
                  <a:gd name="connsiteY0" fmla="*/ 36455 h 43219"/>
                  <a:gd name="connsiteX1" fmla="*/ 28596 w 43446"/>
                  <a:gd name="connsiteY1" fmla="*/ 36519 h 43219"/>
                  <a:gd name="connsiteX0" fmla="*/ 3936 w 43446"/>
                  <a:gd name="connsiteY0" fmla="*/ 14229 h 43219"/>
                  <a:gd name="connsiteX1" fmla="*/ 5659 w 43446"/>
                  <a:gd name="connsiteY1" fmla="*/ 6766 h 43219"/>
                  <a:gd name="connsiteX2" fmla="*/ 14041 w 43446"/>
                  <a:gd name="connsiteY2" fmla="*/ 5061 h 43219"/>
                  <a:gd name="connsiteX3" fmla="*/ 22492 w 43446"/>
                  <a:gd name="connsiteY3" fmla="*/ 3291 h 43219"/>
                  <a:gd name="connsiteX4" fmla="*/ 25785 w 43446"/>
                  <a:gd name="connsiteY4" fmla="*/ 59 h 43219"/>
                  <a:gd name="connsiteX5" fmla="*/ 29869 w 43446"/>
                  <a:gd name="connsiteY5" fmla="*/ 2340 h 43219"/>
                  <a:gd name="connsiteX6" fmla="*/ 35499 w 43446"/>
                  <a:gd name="connsiteY6" fmla="*/ 549 h 43219"/>
                  <a:gd name="connsiteX7" fmla="*/ 38354 w 43446"/>
                  <a:gd name="connsiteY7" fmla="*/ 5435 h 43219"/>
                  <a:gd name="connsiteX8" fmla="*/ 42018 w 43446"/>
                  <a:gd name="connsiteY8" fmla="*/ 10177 h 43219"/>
                  <a:gd name="connsiteX9" fmla="*/ 41854 w 43446"/>
                  <a:gd name="connsiteY9" fmla="*/ 15319 h 43219"/>
                  <a:gd name="connsiteX10" fmla="*/ 43052 w 43446"/>
                  <a:gd name="connsiteY10" fmla="*/ 23181 h 43219"/>
                  <a:gd name="connsiteX11" fmla="*/ 37286 w 43446"/>
                  <a:gd name="connsiteY11" fmla="*/ 30591 h 43219"/>
                  <a:gd name="connsiteX12" fmla="*/ 43446 w 43446"/>
                  <a:gd name="connsiteY12" fmla="*/ 40687 h 43219"/>
                  <a:gd name="connsiteX13" fmla="*/ 34840 w 43446"/>
                  <a:gd name="connsiteY13" fmla="*/ 35172 h 43219"/>
                  <a:gd name="connsiteX14" fmla="*/ 28591 w 43446"/>
                  <a:gd name="connsiteY14" fmla="*/ 36674 h 43219"/>
                  <a:gd name="connsiteX15" fmla="*/ 23703 w 43446"/>
                  <a:gd name="connsiteY15" fmla="*/ 42965 h 43219"/>
                  <a:gd name="connsiteX16" fmla="*/ 16516 w 43446"/>
                  <a:gd name="connsiteY16" fmla="*/ 39125 h 43219"/>
                  <a:gd name="connsiteX17" fmla="*/ 5840 w 43446"/>
                  <a:gd name="connsiteY17" fmla="*/ 35331 h 43219"/>
                  <a:gd name="connsiteX18" fmla="*/ 1146 w 43446"/>
                  <a:gd name="connsiteY18" fmla="*/ 31109 h 43219"/>
                  <a:gd name="connsiteX19" fmla="*/ 2149 w 43446"/>
                  <a:gd name="connsiteY19" fmla="*/ 25410 h 43219"/>
                  <a:gd name="connsiteX20" fmla="*/ 31 w 43446"/>
                  <a:gd name="connsiteY20" fmla="*/ 19563 h 43219"/>
                  <a:gd name="connsiteX21" fmla="*/ 3899 w 43446"/>
                  <a:gd name="connsiteY21" fmla="*/ 14366 h 43219"/>
                  <a:gd name="connsiteX22" fmla="*/ 3936 w 43446"/>
                  <a:gd name="connsiteY22" fmla="*/ 14229 h 43219"/>
                  <a:gd name="connsiteX0" fmla="*/ 28619 w 43446"/>
                  <a:gd name="connsiteY0" fmla="*/ 36455 h 43219"/>
                  <a:gd name="connsiteX1" fmla="*/ 28596 w 43446"/>
                  <a:gd name="connsiteY1" fmla="*/ 36519 h 43219"/>
                  <a:gd name="connsiteX0" fmla="*/ 3936 w 43367"/>
                  <a:gd name="connsiteY0" fmla="*/ 14229 h 43888"/>
                  <a:gd name="connsiteX1" fmla="*/ 5659 w 43367"/>
                  <a:gd name="connsiteY1" fmla="*/ 6766 h 43888"/>
                  <a:gd name="connsiteX2" fmla="*/ 14041 w 43367"/>
                  <a:gd name="connsiteY2" fmla="*/ 5061 h 43888"/>
                  <a:gd name="connsiteX3" fmla="*/ 22492 w 43367"/>
                  <a:gd name="connsiteY3" fmla="*/ 3291 h 43888"/>
                  <a:gd name="connsiteX4" fmla="*/ 25785 w 43367"/>
                  <a:gd name="connsiteY4" fmla="*/ 59 h 43888"/>
                  <a:gd name="connsiteX5" fmla="*/ 29869 w 43367"/>
                  <a:gd name="connsiteY5" fmla="*/ 2340 h 43888"/>
                  <a:gd name="connsiteX6" fmla="*/ 35499 w 43367"/>
                  <a:gd name="connsiteY6" fmla="*/ 549 h 43888"/>
                  <a:gd name="connsiteX7" fmla="*/ 38354 w 43367"/>
                  <a:gd name="connsiteY7" fmla="*/ 5435 h 43888"/>
                  <a:gd name="connsiteX8" fmla="*/ 42018 w 43367"/>
                  <a:gd name="connsiteY8" fmla="*/ 10177 h 43888"/>
                  <a:gd name="connsiteX9" fmla="*/ 41854 w 43367"/>
                  <a:gd name="connsiteY9" fmla="*/ 15319 h 43888"/>
                  <a:gd name="connsiteX10" fmla="*/ 43052 w 43367"/>
                  <a:gd name="connsiteY10" fmla="*/ 23181 h 43888"/>
                  <a:gd name="connsiteX11" fmla="*/ 37286 w 43367"/>
                  <a:gd name="connsiteY11" fmla="*/ 30591 h 43888"/>
                  <a:gd name="connsiteX12" fmla="*/ 37570 w 43367"/>
                  <a:gd name="connsiteY12" fmla="*/ 43888 h 43888"/>
                  <a:gd name="connsiteX13" fmla="*/ 34840 w 43367"/>
                  <a:gd name="connsiteY13" fmla="*/ 35172 h 43888"/>
                  <a:gd name="connsiteX14" fmla="*/ 28591 w 43367"/>
                  <a:gd name="connsiteY14" fmla="*/ 36674 h 43888"/>
                  <a:gd name="connsiteX15" fmla="*/ 23703 w 43367"/>
                  <a:gd name="connsiteY15" fmla="*/ 42965 h 43888"/>
                  <a:gd name="connsiteX16" fmla="*/ 16516 w 43367"/>
                  <a:gd name="connsiteY16" fmla="*/ 39125 h 43888"/>
                  <a:gd name="connsiteX17" fmla="*/ 5840 w 43367"/>
                  <a:gd name="connsiteY17" fmla="*/ 35331 h 43888"/>
                  <a:gd name="connsiteX18" fmla="*/ 1146 w 43367"/>
                  <a:gd name="connsiteY18" fmla="*/ 31109 h 43888"/>
                  <a:gd name="connsiteX19" fmla="*/ 2149 w 43367"/>
                  <a:gd name="connsiteY19" fmla="*/ 25410 h 43888"/>
                  <a:gd name="connsiteX20" fmla="*/ 31 w 43367"/>
                  <a:gd name="connsiteY20" fmla="*/ 19563 h 43888"/>
                  <a:gd name="connsiteX21" fmla="*/ 3899 w 43367"/>
                  <a:gd name="connsiteY21" fmla="*/ 14366 h 43888"/>
                  <a:gd name="connsiteX22" fmla="*/ 3936 w 43367"/>
                  <a:gd name="connsiteY22" fmla="*/ 14229 h 43888"/>
                  <a:gd name="connsiteX0" fmla="*/ 28619 w 43367"/>
                  <a:gd name="connsiteY0" fmla="*/ 36455 h 43888"/>
                  <a:gd name="connsiteX1" fmla="*/ 28596 w 43367"/>
                  <a:gd name="connsiteY1" fmla="*/ 36519 h 43888"/>
                  <a:gd name="connsiteX0" fmla="*/ 3936 w 43367"/>
                  <a:gd name="connsiteY0" fmla="*/ 14229 h 43888"/>
                  <a:gd name="connsiteX1" fmla="*/ 5659 w 43367"/>
                  <a:gd name="connsiteY1" fmla="*/ 6766 h 43888"/>
                  <a:gd name="connsiteX2" fmla="*/ 14041 w 43367"/>
                  <a:gd name="connsiteY2" fmla="*/ 5061 h 43888"/>
                  <a:gd name="connsiteX3" fmla="*/ 22492 w 43367"/>
                  <a:gd name="connsiteY3" fmla="*/ 3291 h 43888"/>
                  <a:gd name="connsiteX4" fmla="*/ 25785 w 43367"/>
                  <a:gd name="connsiteY4" fmla="*/ 59 h 43888"/>
                  <a:gd name="connsiteX5" fmla="*/ 29869 w 43367"/>
                  <a:gd name="connsiteY5" fmla="*/ 2340 h 43888"/>
                  <a:gd name="connsiteX6" fmla="*/ 35499 w 43367"/>
                  <a:gd name="connsiteY6" fmla="*/ 549 h 43888"/>
                  <a:gd name="connsiteX7" fmla="*/ 38354 w 43367"/>
                  <a:gd name="connsiteY7" fmla="*/ 5435 h 43888"/>
                  <a:gd name="connsiteX8" fmla="*/ 42018 w 43367"/>
                  <a:gd name="connsiteY8" fmla="*/ 10177 h 43888"/>
                  <a:gd name="connsiteX9" fmla="*/ 41854 w 43367"/>
                  <a:gd name="connsiteY9" fmla="*/ 15319 h 43888"/>
                  <a:gd name="connsiteX10" fmla="*/ 43052 w 43367"/>
                  <a:gd name="connsiteY10" fmla="*/ 23181 h 43888"/>
                  <a:gd name="connsiteX11" fmla="*/ 37286 w 43367"/>
                  <a:gd name="connsiteY11" fmla="*/ 30591 h 43888"/>
                  <a:gd name="connsiteX12" fmla="*/ 37570 w 43367"/>
                  <a:gd name="connsiteY12" fmla="*/ 43888 h 43888"/>
                  <a:gd name="connsiteX13" fmla="*/ 34840 w 43367"/>
                  <a:gd name="connsiteY13" fmla="*/ 35172 h 43888"/>
                  <a:gd name="connsiteX14" fmla="*/ 28591 w 43367"/>
                  <a:gd name="connsiteY14" fmla="*/ 36674 h 43888"/>
                  <a:gd name="connsiteX15" fmla="*/ 23703 w 43367"/>
                  <a:gd name="connsiteY15" fmla="*/ 42965 h 43888"/>
                  <a:gd name="connsiteX16" fmla="*/ 16516 w 43367"/>
                  <a:gd name="connsiteY16" fmla="*/ 39125 h 43888"/>
                  <a:gd name="connsiteX17" fmla="*/ 5840 w 43367"/>
                  <a:gd name="connsiteY17" fmla="*/ 35331 h 43888"/>
                  <a:gd name="connsiteX18" fmla="*/ 1146 w 43367"/>
                  <a:gd name="connsiteY18" fmla="*/ 31109 h 43888"/>
                  <a:gd name="connsiteX19" fmla="*/ 2149 w 43367"/>
                  <a:gd name="connsiteY19" fmla="*/ 25410 h 43888"/>
                  <a:gd name="connsiteX20" fmla="*/ 31 w 43367"/>
                  <a:gd name="connsiteY20" fmla="*/ 19563 h 43888"/>
                  <a:gd name="connsiteX21" fmla="*/ 3899 w 43367"/>
                  <a:gd name="connsiteY21" fmla="*/ 14366 h 43888"/>
                  <a:gd name="connsiteX22" fmla="*/ 3936 w 43367"/>
                  <a:gd name="connsiteY22" fmla="*/ 14229 h 43888"/>
                  <a:gd name="connsiteX0" fmla="*/ 28619 w 43367"/>
                  <a:gd name="connsiteY0" fmla="*/ 36455 h 43888"/>
                  <a:gd name="connsiteX1" fmla="*/ 28596 w 43367"/>
                  <a:gd name="connsiteY1" fmla="*/ 36519 h 43888"/>
                  <a:gd name="connsiteX0" fmla="*/ 3936 w 43367"/>
                  <a:gd name="connsiteY0" fmla="*/ 14229 h 43888"/>
                  <a:gd name="connsiteX1" fmla="*/ 5659 w 43367"/>
                  <a:gd name="connsiteY1" fmla="*/ 6766 h 43888"/>
                  <a:gd name="connsiteX2" fmla="*/ 14041 w 43367"/>
                  <a:gd name="connsiteY2" fmla="*/ 5061 h 43888"/>
                  <a:gd name="connsiteX3" fmla="*/ 22492 w 43367"/>
                  <a:gd name="connsiteY3" fmla="*/ 3291 h 43888"/>
                  <a:gd name="connsiteX4" fmla="*/ 25785 w 43367"/>
                  <a:gd name="connsiteY4" fmla="*/ 59 h 43888"/>
                  <a:gd name="connsiteX5" fmla="*/ 29869 w 43367"/>
                  <a:gd name="connsiteY5" fmla="*/ 2340 h 43888"/>
                  <a:gd name="connsiteX6" fmla="*/ 35499 w 43367"/>
                  <a:gd name="connsiteY6" fmla="*/ 549 h 43888"/>
                  <a:gd name="connsiteX7" fmla="*/ 38354 w 43367"/>
                  <a:gd name="connsiteY7" fmla="*/ 5435 h 43888"/>
                  <a:gd name="connsiteX8" fmla="*/ 42018 w 43367"/>
                  <a:gd name="connsiteY8" fmla="*/ 10177 h 43888"/>
                  <a:gd name="connsiteX9" fmla="*/ 41854 w 43367"/>
                  <a:gd name="connsiteY9" fmla="*/ 15319 h 43888"/>
                  <a:gd name="connsiteX10" fmla="*/ 43052 w 43367"/>
                  <a:gd name="connsiteY10" fmla="*/ 23181 h 43888"/>
                  <a:gd name="connsiteX11" fmla="*/ 37286 w 43367"/>
                  <a:gd name="connsiteY11" fmla="*/ 30591 h 43888"/>
                  <a:gd name="connsiteX12" fmla="*/ 37570 w 43367"/>
                  <a:gd name="connsiteY12" fmla="*/ 43888 h 43888"/>
                  <a:gd name="connsiteX13" fmla="*/ 34840 w 43367"/>
                  <a:gd name="connsiteY13" fmla="*/ 35172 h 43888"/>
                  <a:gd name="connsiteX14" fmla="*/ 28591 w 43367"/>
                  <a:gd name="connsiteY14" fmla="*/ 36674 h 43888"/>
                  <a:gd name="connsiteX15" fmla="*/ 23703 w 43367"/>
                  <a:gd name="connsiteY15" fmla="*/ 42965 h 43888"/>
                  <a:gd name="connsiteX16" fmla="*/ 16516 w 43367"/>
                  <a:gd name="connsiteY16" fmla="*/ 39125 h 43888"/>
                  <a:gd name="connsiteX17" fmla="*/ 5840 w 43367"/>
                  <a:gd name="connsiteY17" fmla="*/ 35331 h 43888"/>
                  <a:gd name="connsiteX18" fmla="*/ 1146 w 43367"/>
                  <a:gd name="connsiteY18" fmla="*/ 31109 h 43888"/>
                  <a:gd name="connsiteX19" fmla="*/ 2149 w 43367"/>
                  <a:gd name="connsiteY19" fmla="*/ 25410 h 43888"/>
                  <a:gd name="connsiteX20" fmla="*/ 31 w 43367"/>
                  <a:gd name="connsiteY20" fmla="*/ 19563 h 43888"/>
                  <a:gd name="connsiteX21" fmla="*/ 3899 w 43367"/>
                  <a:gd name="connsiteY21" fmla="*/ 14366 h 43888"/>
                  <a:gd name="connsiteX22" fmla="*/ 3936 w 43367"/>
                  <a:gd name="connsiteY22" fmla="*/ 14229 h 43888"/>
                  <a:gd name="connsiteX0" fmla="*/ 28619 w 43367"/>
                  <a:gd name="connsiteY0" fmla="*/ 36455 h 43888"/>
                  <a:gd name="connsiteX1" fmla="*/ 28596 w 43367"/>
                  <a:gd name="connsiteY1" fmla="*/ 36519 h 43888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36183 w 43367"/>
                  <a:gd name="connsiteY12" fmla="*/ 41947 h 43219"/>
                  <a:gd name="connsiteX13" fmla="*/ 34840 w 43367"/>
                  <a:gd name="connsiteY13" fmla="*/ 35172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8181"/>
                  <a:gd name="connsiteY0" fmla="*/ 14229 h 43219"/>
                  <a:gd name="connsiteX1" fmla="*/ 5659 w 48181"/>
                  <a:gd name="connsiteY1" fmla="*/ 6766 h 43219"/>
                  <a:gd name="connsiteX2" fmla="*/ 14041 w 48181"/>
                  <a:gd name="connsiteY2" fmla="*/ 5061 h 43219"/>
                  <a:gd name="connsiteX3" fmla="*/ 22492 w 48181"/>
                  <a:gd name="connsiteY3" fmla="*/ 3291 h 43219"/>
                  <a:gd name="connsiteX4" fmla="*/ 25785 w 48181"/>
                  <a:gd name="connsiteY4" fmla="*/ 59 h 43219"/>
                  <a:gd name="connsiteX5" fmla="*/ 29869 w 48181"/>
                  <a:gd name="connsiteY5" fmla="*/ 2340 h 43219"/>
                  <a:gd name="connsiteX6" fmla="*/ 35499 w 48181"/>
                  <a:gd name="connsiteY6" fmla="*/ 549 h 43219"/>
                  <a:gd name="connsiteX7" fmla="*/ 38354 w 48181"/>
                  <a:gd name="connsiteY7" fmla="*/ 5435 h 43219"/>
                  <a:gd name="connsiteX8" fmla="*/ 42018 w 48181"/>
                  <a:gd name="connsiteY8" fmla="*/ 10177 h 43219"/>
                  <a:gd name="connsiteX9" fmla="*/ 41854 w 48181"/>
                  <a:gd name="connsiteY9" fmla="*/ 15319 h 43219"/>
                  <a:gd name="connsiteX10" fmla="*/ 43052 w 48181"/>
                  <a:gd name="connsiteY10" fmla="*/ 23181 h 43219"/>
                  <a:gd name="connsiteX11" fmla="*/ 37286 w 48181"/>
                  <a:gd name="connsiteY11" fmla="*/ 30591 h 43219"/>
                  <a:gd name="connsiteX12" fmla="*/ 45306 w 48181"/>
                  <a:gd name="connsiteY12" fmla="*/ 37718 h 43219"/>
                  <a:gd name="connsiteX13" fmla="*/ 34840 w 48181"/>
                  <a:gd name="connsiteY13" fmla="*/ 35172 h 43219"/>
                  <a:gd name="connsiteX14" fmla="*/ 28591 w 48181"/>
                  <a:gd name="connsiteY14" fmla="*/ 36674 h 43219"/>
                  <a:gd name="connsiteX15" fmla="*/ 23703 w 48181"/>
                  <a:gd name="connsiteY15" fmla="*/ 42965 h 43219"/>
                  <a:gd name="connsiteX16" fmla="*/ 16516 w 48181"/>
                  <a:gd name="connsiteY16" fmla="*/ 39125 h 43219"/>
                  <a:gd name="connsiteX17" fmla="*/ 5840 w 48181"/>
                  <a:gd name="connsiteY17" fmla="*/ 35331 h 43219"/>
                  <a:gd name="connsiteX18" fmla="*/ 1146 w 48181"/>
                  <a:gd name="connsiteY18" fmla="*/ 31109 h 43219"/>
                  <a:gd name="connsiteX19" fmla="*/ 2149 w 48181"/>
                  <a:gd name="connsiteY19" fmla="*/ 25410 h 43219"/>
                  <a:gd name="connsiteX20" fmla="*/ 31 w 48181"/>
                  <a:gd name="connsiteY20" fmla="*/ 19563 h 43219"/>
                  <a:gd name="connsiteX21" fmla="*/ 3899 w 48181"/>
                  <a:gd name="connsiteY21" fmla="*/ 14366 h 43219"/>
                  <a:gd name="connsiteX22" fmla="*/ 3936 w 48181"/>
                  <a:gd name="connsiteY22" fmla="*/ 14229 h 43219"/>
                  <a:gd name="connsiteX0" fmla="*/ 28619 w 48181"/>
                  <a:gd name="connsiteY0" fmla="*/ 36455 h 43219"/>
                  <a:gd name="connsiteX1" fmla="*/ 28596 w 48181"/>
                  <a:gd name="connsiteY1" fmla="*/ 36519 h 43219"/>
                  <a:gd name="connsiteX0" fmla="*/ 3936 w 48181"/>
                  <a:gd name="connsiteY0" fmla="*/ 14229 h 43219"/>
                  <a:gd name="connsiteX1" fmla="*/ 5659 w 48181"/>
                  <a:gd name="connsiteY1" fmla="*/ 6766 h 43219"/>
                  <a:gd name="connsiteX2" fmla="*/ 14041 w 48181"/>
                  <a:gd name="connsiteY2" fmla="*/ 5061 h 43219"/>
                  <a:gd name="connsiteX3" fmla="*/ 22492 w 48181"/>
                  <a:gd name="connsiteY3" fmla="*/ 3291 h 43219"/>
                  <a:gd name="connsiteX4" fmla="*/ 25785 w 48181"/>
                  <a:gd name="connsiteY4" fmla="*/ 59 h 43219"/>
                  <a:gd name="connsiteX5" fmla="*/ 29869 w 48181"/>
                  <a:gd name="connsiteY5" fmla="*/ 2340 h 43219"/>
                  <a:gd name="connsiteX6" fmla="*/ 35499 w 48181"/>
                  <a:gd name="connsiteY6" fmla="*/ 549 h 43219"/>
                  <a:gd name="connsiteX7" fmla="*/ 38354 w 48181"/>
                  <a:gd name="connsiteY7" fmla="*/ 5435 h 43219"/>
                  <a:gd name="connsiteX8" fmla="*/ 42018 w 48181"/>
                  <a:gd name="connsiteY8" fmla="*/ 10177 h 43219"/>
                  <a:gd name="connsiteX9" fmla="*/ 41854 w 48181"/>
                  <a:gd name="connsiteY9" fmla="*/ 15319 h 43219"/>
                  <a:gd name="connsiteX10" fmla="*/ 43052 w 48181"/>
                  <a:gd name="connsiteY10" fmla="*/ 23181 h 43219"/>
                  <a:gd name="connsiteX11" fmla="*/ 37286 w 48181"/>
                  <a:gd name="connsiteY11" fmla="*/ 30591 h 43219"/>
                  <a:gd name="connsiteX12" fmla="*/ 45306 w 48181"/>
                  <a:gd name="connsiteY12" fmla="*/ 37718 h 43219"/>
                  <a:gd name="connsiteX13" fmla="*/ 34840 w 48181"/>
                  <a:gd name="connsiteY13" fmla="*/ 35172 h 43219"/>
                  <a:gd name="connsiteX14" fmla="*/ 28591 w 48181"/>
                  <a:gd name="connsiteY14" fmla="*/ 36674 h 43219"/>
                  <a:gd name="connsiteX15" fmla="*/ 23703 w 48181"/>
                  <a:gd name="connsiteY15" fmla="*/ 42965 h 43219"/>
                  <a:gd name="connsiteX16" fmla="*/ 16516 w 48181"/>
                  <a:gd name="connsiteY16" fmla="*/ 39125 h 43219"/>
                  <a:gd name="connsiteX17" fmla="*/ 5840 w 48181"/>
                  <a:gd name="connsiteY17" fmla="*/ 35331 h 43219"/>
                  <a:gd name="connsiteX18" fmla="*/ 1146 w 48181"/>
                  <a:gd name="connsiteY18" fmla="*/ 31109 h 43219"/>
                  <a:gd name="connsiteX19" fmla="*/ 2149 w 48181"/>
                  <a:gd name="connsiteY19" fmla="*/ 25410 h 43219"/>
                  <a:gd name="connsiteX20" fmla="*/ 31 w 48181"/>
                  <a:gd name="connsiteY20" fmla="*/ 19563 h 43219"/>
                  <a:gd name="connsiteX21" fmla="*/ 3899 w 48181"/>
                  <a:gd name="connsiteY21" fmla="*/ 14366 h 43219"/>
                  <a:gd name="connsiteX22" fmla="*/ 3936 w 48181"/>
                  <a:gd name="connsiteY22" fmla="*/ 14229 h 43219"/>
                  <a:gd name="connsiteX0" fmla="*/ 28619 w 48181"/>
                  <a:gd name="connsiteY0" fmla="*/ 36455 h 43219"/>
                  <a:gd name="connsiteX1" fmla="*/ 28596 w 48181"/>
                  <a:gd name="connsiteY1" fmla="*/ 36519 h 43219"/>
                  <a:gd name="connsiteX0" fmla="*/ 3936 w 45306"/>
                  <a:gd name="connsiteY0" fmla="*/ 14229 h 43219"/>
                  <a:gd name="connsiteX1" fmla="*/ 5659 w 45306"/>
                  <a:gd name="connsiteY1" fmla="*/ 6766 h 43219"/>
                  <a:gd name="connsiteX2" fmla="*/ 14041 w 45306"/>
                  <a:gd name="connsiteY2" fmla="*/ 5061 h 43219"/>
                  <a:gd name="connsiteX3" fmla="*/ 22492 w 45306"/>
                  <a:gd name="connsiteY3" fmla="*/ 3291 h 43219"/>
                  <a:gd name="connsiteX4" fmla="*/ 25785 w 45306"/>
                  <a:gd name="connsiteY4" fmla="*/ 59 h 43219"/>
                  <a:gd name="connsiteX5" fmla="*/ 29869 w 45306"/>
                  <a:gd name="connsiteY5" fmla="*/ 2340 h 43219"/>
                  <a:gd name="connsiteX6" fmla="*/ 35499 w 45306"/>
                  <a:gd name="connsiteY6" fmla="*/ 549 h 43219"/>
                  <a:gd name="connsiteX7" fmla="*/ 38354 w 45306"/>
                  <a:gd name="connsiteY7" fmla="*/ 5435 h 43219"/>
                  <a:gd name="connsiteX8" fmla="*/ 42018 w 45306"/>
                  <a:gd name="connsiteY8" fmla="*/ 10177 h 43219"/>
                  <a:gd name="connsiteX9" fmla="*/ 41854 w 45306"/>
                  <a:gd name="connsiteY9" fmla="*/ 15319 h 43219"/>
                  <a:gd name="connsiteX10" fmla="*/ 43052 w 45306"/>
                  <a:gd name="connsiteY10" fmla="*/ 23181 h 43219"/>
                  <a:gd name="connsiteX11" fmla="*/ 37286 w 45306"/>
                  <a:gd name="connsiteY11" fmla="*/ 30591 h 43219"/>
                  <a:gd name="connsiteX12" fmla="*/ 45306 w 45306"/>
                  <a:gd name="connsiteY12" fmla="*/ 37718 h 43219"/>
                  <a:gd name="connsiteX13" fmla="*/ 34840 w 45306"/>
                  <a:gd name="connsiteY13" fmla="*/ 35172 h 43219"/>
                  <a:gd name="connsiteX14" fmla="*/ 28591 w 45306"/>
                  <a:gd name="connsiteY14" fmla="*/ 36674 h 43219"/>
                  <a:gd name="connsiteX15" fmla="*/ 23703 w 45306"/>
                  <a:gd name="connsiteY15" fmla="*/ 42965 h 43219"/>
                  <a:gd name="connsiteX16" fmla="*/ 16516 w 45306"/>
                  <a:gd name="connsiteY16" fmla="*/ 39125 h 43219"/>
                  <a:gd name="connsiteX17" fmla="*/ 5840 w 45306"/>
                  <a:gd name="connsiteY17" fmla="*/ 35331 h 43219"/>
                  <a:gd name="connsiteX18" fmla="*/ 1146 w 45306"/>
                  <a:gd name="connsiteY18" fmla="*/ 31109 h 43219"/>
                  <a:gd name="connsiteX19" fmla="*/ 2149 w 45306"/>
                  <a:gd name="connsiteY19" fmla="*/ 25410 h 43219"/>
                  <a:gd name="connsiteX20" fmla="*/ 31 w 45306"/>
                  <a:gd name="connsiteY20" fmla="*/ 19563 h 43219"/>
                  <a:gd name="connsiteX21" fmla="*/ 3899 w 45306"/>
                  <a:gd name="connsiteY21" fmla="*/ 14366 h 43219"/>
                  <a:gd name="connsiteX22" fmla="*/ 3936 w 45306"/>
                  <a:gd name="connsiteY22" fmla="*/ 14229 h 43219"/>
                  <a:gd name="connsiteX0" fmla="*/ 28619 w 45306"/>
                  <a:gd name="connsiteY0" fmla="*/ 36455 h 43219"/>
                  <a:gd name="connsiteX1" fmla="*/ 28596 w 45306"/>
                  <a:gd name="connsiteY1" fmla="*/ 36519 h 43219"/>
                  <a:gd name="connsiteX0" fmla="*/ 3936 w 49110"/>
                  <a:gd name="connsiteY0" fmla="*/ 14229 h 43219"/>
                  <a:gd name="connsiteX1" fmla="*/ 5659 w 49110"/>
                  <a:gd name="connsiteY1" fmla="*/ 6766 h 43219"/>
                  <a:gd name="connsiteX2" fmla="*/ 14041 w 49110"/>
                  <a:gd name="connsiteY2" fmla="*/ 5061 h 43219"/>
                  <a:gd name="connsiteX3" fmla="*/ 22492 w 49110"/>
                  <a:gd name="connsiteY3" fmla="*/ 3291 h 43219"/>
                  <a:gd name="connsiteX4" fmla="*/ 25785 w 49110"/>
                  <a:gd name="connsiteY4" fmla="*/ 59 h 43219"/>
                  <a:gd name="connsiteX5" fmla="*/ 29869 w 49110"/>
                  <a:gd name="connsiteY5" fmla="*/ 2340 h 43219"/>
                  <a:gd name="connsiteX6" fmla="*/ 35499 w 49110"/>
                  <a:gd name="connsiteY6" fmla="*/ 549 h 43219"/>
                  <a:gd name="connsiteX7" fmla="*/ 38354 w 49110"/>
                  <a:gd name="connsiteY7" fmla="*/ 5435 h 43219"/>
                  <a:gd name="connsiteX8" fmla="*/ 42018 w 49110"/>
                  <a:gd name="connsiteY8" fmla="*/ 10177 h 43219"/>
                  <a:gd name="connsiteX9" fmla="*/ 41854 w 49110"/>
                  <a:gd name="connsiteY9" fmla="*/ 15319 h 43219"/>
                  <a:gd name="connsiteX10" fmla="*/ 43052 w 49110"/>
                  <a:gd name="connsiteY10" fmla="*/ 23181 h 43219"/>
                  <a:gd name="connsiteX11" fmla="*/ 37286 w 49110"/>
                  <a:gd name="connsiteY11" fmla="*/ 30591 h 43219"/>
                  <a:gd name="connsiteX12" fmla="*/ 49110 w 49110"/>
                  <a:gd name="connsiteY12" fmla="*/ 31161 h 43219"/>
                  <a:gd name="connsiteX13" fmla="*/ 34840 w 49110"/>
                  <a:gd name="connsiteY13" fmla="*/ 35172 h 43219"/>
                  <a:gd name="connsiteX14" fmla="*/ 28591 w 49110"/>
                  <a:gd name="connsiteY14" fmla="*/ 36674 h 43219"/>
                  <a:gd name="connsiteX15" fmla="*/ 23703 w 49110"/>
                  <a:gd name="connsiteY15" fmla="*/ 42965 h 43219"/>
                  <a:gd name="connsiteX16" fmla="*/ 16516 w 49110"/>
                  <a:gd name="connsiteY16" fmla="*/ 39125 h 43219"/>
                  <a:gd name="connsiteX17" fmla="*/ 5840 w 49110"/>
                  <a:gd name="connsiteY17" fmla="*/ 35331 h 43219"/>
                  <a:gd name="connsiteX18" fmla="*/ 1146 w 49110"/>
                  <a:gd name="connsiteY18" fmla="*/ 31109 h 43219"/>
                  <a:gd name="connsiteX19" fmla="*/ 2149 w 49110"/>
                  <a:gd name="connsiteY19" fmla="*/ 25410 h 43219"/>
                  <a:gd name="connsiteX20" fmla="*/ 31 w 49110"/>
                  <a:gd name="connsiteY20" fmla="*/ 19563 h 43219"/>
                  <a:gd name="connsiteX21" fmla="*/ 3899 w 49110"/>
                  <a:gd name="connsiteY21" fmla="*/ 14366 h 43219"/>
                  <a:gd name="connsiteX22" fmla="*/ 3936 w 49110"/>
                  <a:gd name="connsiteY22" fmla="*/ 14229 h 43219"/>
                  <a:gd name="connsiteX0" fmla="*/ 28619 w 49110"/>
                  <a:gd name="connsiteY0" fmla="*/ 36455 h 43219"/>
                  <a:gd name="connsiteX1" fmla="*/ 28596 w 49110"/>
                  <a:gd name="connsiteY1" fmla="*/ 36519 h 43219"/>
                  <a:gd name="connsiteX0" fmla="*/ 3936 w 49110"/>
                  <a:gd name="connsiteY0" fmla="*/ 14229 h 43219"/>
                  <a:gd name="connsiteX1" fmla="*/ 5659 w 49110"/>
                  <a:gd name="connsiteY1" fmla="*/ 6766 h 43219"/>
                  <a:gd name="connsiteX2" fmla="*/ 14041 w 49110"/>
                  <a:gd name="connsiteY2" fmla="*/ 5061 h 43219"/>
                  <a:gd name="connsiteX3" fmla="*/ 22492 w 49110"/>
                  <a:gd name="connsiteY3" fmla="*/ 3291 h 43219"/>
                  <a:gd name="connsiteX4" fmla="*/ 25785 w 49110"/>
                  <a:gd name="connsiteY4" fmla="*/ 59 h 43219"/>
                  <a:gd name="connsiteX5" fmla="*/ 29869 w 49110"/>
                  <a:gd name="connsiteY5" fmla="*/ 2340 h 43219"/>
                  <a:gd name="connsiteX6" fmla="*/ 35499 w 49110"/>
                  <a:gd name="connsiteY6" fmla="*/ 549 h 43219"/>
                  <a:gd name="connsiteX7" fmla="*/ 38354 w 49110"/>
                  <a:gd name="connsiteY7" fmla="*/ 5435 h 43219"/>
                  <a:gd name="connsiteX8" fmla="*/ 42018 w 49110"/>
                  <a:gd name="connsiteY8" fmla="*/ 10177 h 43219"/>
                  <a:gd name="connsiteX9" fmla="*/ 41854 w 49110"/>
                  <a:gd name="connsiteY9" fmla="*/ 15319 h 43219"/>
                  <a:gd name="connsiteX10" fmla="*/ 43052 w 49110"/>
                  <a:gd name="connsiteY10" fmla="*/ 23181 h 43219"/>
                  <a:gd name="connsiteX11" fmla="*/ 37286 w 49110"/>
                  <a:gd name="connsiteY11" fmla="*/ 30591 h 43219"/>
                  <a:gd name="connsiteX12" fmla="*/ 49110 w 49110"/>
                  <a:gd name="connsiteY12" fmla="*/ 31161 h 43219"/>
                  <a:gd name="connsiteX13" fmla="*/ 34840 w 49110"/>
                  <a:gd name="connsiteY13" fmla="*/ 35172 h 43219"/>
                  <a:gd name="connsiteX14" fmla="*/ 28591 w 49110"/>
                  <a:gd name="connsiteY14" fmla="*/ 36674 h 43219"/>
                  <a:gd name="connsiteX15" fmla="*/ 23703 w 49110"/>
                  <a:gd name="connsiteY15" fmla="*/ 42965 h 43219"/>
                  <a:gd name="connsiteX16" fmla="*/ 16516 w 49110"/>
                  <a:gd name="connsiteY16" fmla="*/ 39125 h 43219"/>
                  <a:gd name="connsiteX17" fmla="*/ 5840 w 49110"/>
                  <a:gd name="connsiteY17" fmla="*/ 35331 h 43219"/>
                  <a:gd name="connsiteX18" fmla="*/ 1146 w 49110"/>
                  <a:gd name="connsiteY18" fmla="*/ 31109 h 43219"/>
                  <a:gd name="connsiteX19" fmla="*/ 2149 w 49110"/>
                  <a:gd name="connsiteY19" fmla="*/ 25410 h 43219"/>
                  <a:gd name="connsiteX20" fmla="*/ 31 w 49110"/>
                  <a:gd name="connsiteY20" fmla="*/ 19563 h 43219"/>
                  <a:gd name="connsiteX21" fmla="*/ 3899 w 49110"/>
                  <a:gd name="connsiteY21" fmla="*/ 14366 h 43219"/>
                  <a:gd name="connsiteX22" fmla="*/ 3936 w 49110"/>
                  <a:gd name="connsiteY22" fmla="*/ 14229 h 43219"/>
                  <a:gd name="connsiteX0" fmla="*/ 28619 w 49110"/>
                  <a:gd name="connsiteY0" fmla="*/ 36455 h 43219"/>
                  <a:gd name="connsiteX1" fmla="*/ 28596 w 49110"/>
                  <a:gd name="connsiteY1" fmla="*/ 36519 h 43219"/>
                  <a:gd name="connsiteX0" fmla="*/ 3936 w 49110"/>
                  <a:gd name="connsiteY0" fmla="*/ 14229 h 43219"/>
                  <a:gd name="connsiteX1" fmla="*/ 5659 w 49110"/>
                  <a:gd name="connsiteY1" fmla="*/ 6766 h 43219"/>
                  <a:gd name="connsiteX2" fmla="*/ 14041 w 49110"/>
                  <a:gd name="connsiteY2" fmla="*/ 5061 h 43219"/>
                  <a:gd name="connsiteX3" fmla="*/ 22492 w 49110"/>
                  <a:gd name="connsiteY3" fmla="*/ 3291 h 43219"/>
                  <a:gd name="connsiteX4" fmla="*/ 25785 w 49110"/>
                  <a:gd name="connsiteY4" fmla="*/ 59 h 43219"/>
                  <a:gd name="connsiteX5" fmla="*/ 29869 w 49110"/>
                  <a:gd name="connsiteY5" fmla="*/ 2340 h 43219"/>
                  <a:gd name="connsiteX6" fmla="*/ 35499 w 49110"/>
                  <a:gd name="connsiteY6" fmla="*/ 549 h 43219"/>
                  <a:gd name="connsiteX7" fmla="*/ 38354 w 49110"/>
                  <a:gd name="connsiteY7" fmla="*/ 5435 h 43219"/>
                  <a:gd name="connsiteX8" fmla="*/ 42018 w 49110"/>
                  <a:gd name="connsiteY8" fmla="*/ 10177 h 43219"/>
                  <a:gd name="connsiteX9" fmla="*/ 41854 w 49110"/>
                  <a:gd name="connsiteY9" fmla="*/ 15319 h 43219"/>
                  <a:gd name="connsiteX10" fmla="*/ 43052 w 49110"/>
                  <a:gd name="connsiteY10" fmla="*/ 23181 h 43219"/>
                  <a:gd name="connsiteX11" fmla="*/ 37286 w 49110"/>
                  <a:gd name="connsiteY11" fmla="*/ 30591 h 43219"/>
                  <a:gd name="connsiteX12" fmla="*/ 49110 w 49110"/>
                  <a:gd name="connsiteY12" fmla="*/ 31161 h 43219"/>
                  <a:gd name="connsiteX13" fmla="*/ 34840 w 49110"/>
                  <a:gd name="connsiteY13" fmla="*/ 35172 h 43219"/>
                  <a:gd name="connsiteX14" fmla="*/ 28591 w 49110"/>
                  <a:gd name="connsiteY14" fmla="*/ 36674 h 43219"/>
                  <a:gd name="connsiteX15" fmla="*/ 23703 w 49110"/>
                  <a:gd name="connsiteY15" fmla="*/ 42965 h 43219"/>
                  <a:gd name="connsiteX16" fmla="*/ 16516 w 49110"/>
                  <a:gd name="connsiteY16" fmla="*/ 39125 h 43219"/>
                  <a:gd name="connsiteX17" fmla="*/ 5840 w 49110"/>
                  <a:gd name="connsiteY17" fmla="*/ 35331 h 43219"/>
                  <a:gd name="connsiteX18" fmla="*/ 1146 w 49110"/>
                  <a:gd name="connsiteY18" fmla="*/ 31109 h 43219"/>
                  <a:gd name="connsiteX19" fmla="*/ 2149 w 49110"/>
                  <a:gd name="connsiteY19" fmla="*/ 25410 h 43219"/>
                  <a:gd name="connsiteX20" fmla="*/ 31 w 49110"/>
                  <a:gd name="connsiteY20" fmla="*/ 19563 h 43219"/>
                  <a:gd name="connsiteX21" fmla="*/ 3899 w 49110"/>
                  <a:gd name="connsiteY21" fmla="*/ 14366 h 43219"/>
                  <a:gd name="connsiteX22" fmla="*/ 3936 w 49110"/>
                  <a:gd name="connsiteY22" fmla="*/ 14229 h 43219"/>
                  <a:gd name="connsiteX0" fmla="*/ 28619 w 49110"/>
                  <a:gd name="connsiteY0" fmla="*/ 36455 h 43219"/>
                  <a:gd name="connsiteX1" fmla="*/ 28596 w 49110"/>
                  <a:gd name="connsiteY1" fmla="*/ 36519 h 43219"/>
                  <a:gd name="connsiteX0" fmla="*/ 3936 w 48174"/>
                  <a:gd name="connsiteY0" fmla="*/ 14229 h 43219"/>
                  <a:gd name="connsiteX1" fmla="*/ 5659 w 48174"/>
                  <a:gd name="connsiteY1" fmla="*/ 6766 h 43219"/>
                  <a:gd name="connsiteX2" fmla="*/ 14041 w 48174"/>
                  <a:gd name="connsiteY2" fmla="*/ 5061 h 43219"/>
                  <a:gd name="connsiteX3" fmla="*/ 22492 w 48174"/>
                  <a:gd name="connsiteY3" fmla="*/ 3291 h 43219"/>
                  <a:gd name="connsiteX4" fmla="*/ 25785 w 48174"/>
                  <a:gd name="connsiteY4" fmla="*/ 59 h 43219"/>
                  <a:gd name="connsiteX5" fmla="*/ 29869 w 48174"/>
                  <a:gd name="connsiteY5" fmla="*/ 2340 h 43219"/>
                  <a:gd name="connsiteX6" fmla="*/ 35499 w 48174"/>
                  <a:gd name="connsiteY6" fmla="*/ 549 h 43219"/>
                  <a:gd name="connsiteX7" fmla="*/ 38354 w 48174"/>
                  <a:gd name="connsiteY7" fmla="*/ 5435 h 43219"/>
                  <a:gd name="connsiteX8" fmla="*/ 42018 w 48174"/>
                  <a:gd name="connsiteY8" fmla="*/ 10177 h 43219"/>
                  <a:gd name="connsiteX9" fmla="*/ 41854 w 48174"/>
                  <a:gd name="connsiteY9" fmla="*/ 15319 h 43219"/>
                  <a:gd name="connsiteX10" fmla="*/ 43052 w 48174"/>
                  <a:gd name="connsiteY10" fmla="*/ 23181 h 43219"/>
                  <a:gd name="connsiteX11" fmla="*/ 37286 w 48174"/>
                  <a:gd name="connsiteY11" fmla="*/ 30591 h 43219"/>
                  <a:gd name="connsiteX12" fmla="*/ 48174 w 48174"/>
                  <a:gd name="connsiteY12" fmla="*/ 29939 h 43219"/>
                  <a:gd name="connsiteX13" fmla="*/ 34840 w 48174"/>
                  <a:gd name="connsiteY13" fmla="*/ 35172 h 43219"/>
                  <a:gd name="connsiteX14" fmla="*/ 28591 w 48174"/>
                  <a:gd name="connsiteY14" fmla="*/ 36674 h 43219"/>
                  <a:gd name="connsiteX15" fmla="*/ 23703 w 48174"/>
                  <a:gd name="connsiteY15" fmla="*/ 42965 h 43219"/>
                  <a:gd name="connsiteX16" fmla="*/ 16516 w 48174"/>
                  <a:gd name="connsiteY16" fmla="*/ 39125 h 43219"/>
                  <a:gd name="connsiteX17" fmla="*/ 5840 w 48174"/>
                  <a:gd name="connsiteY17" fmla="*/ 35331 h 43219"/>
                  <a:gd name="connsiteX18" fmla="*/ 1146 w 48174"/>
                  <a:gd name="connsiteY18" fmla="*/ 31109 h 43219"/>
                  <a:gd name="connsiteX19" fmla="*/ 2149 w 48174"/>
                  <a:gd name="connsiteY19" fmla="*/ 25410 h 43219"/>
                  <a:gd name="connsiteX20" fmla="*/ 31 w 48174"/>
                  <a:gd name="connsiteY20" fmla="*/ 19563 h 43219"/>
                  <a:gd name="connsiteX21" fmla="*/ 3899 w 48174"/>
                  <a:gd name="connsiteY21" fmla="*/ 14366 h 43219"/>
                  <a:gd name="connsiteX22" fmla="*/ 3936 w 48174"/>
                  <a:gd name="connsiteY22" fmla="*/ 14229 h 43219"/>
                  <a:gd name="connsiteX0" fmla="*/ 28619 w 48174"/>
                  <a:gd name="connsiteY0" fmla="*/ 36455 h 43219"/>
                  <a:gd name="connsiteX1" fmla="*/ 28596 w 48174"/>
                  <a:gd name="connsiteY1" fmla="*/ 36519 h 43219"/>
                  <a:gd name="connsiteX0" fmla="*/ 3936 w 48174"/>
                  <a:gd name="connsiteY0" fmla="*/ 14229 h 43219"/>
                  <a:gd name="connsiteX1" fmla="*/ 5659 w 48174"/>
                  <a:gd name="connsiteY1" fmla="*/ 6766 h 43219"/>
                  <a:gd name="connsiteX2" fmla="*/ 14041 w 48174"/>
                  <a:gd name="connsiteY2" fmla="*/ 5061 h 43219"/>
                  <a:gd name="connsiteX3" fmla="*/ 22492 w 48174"/>
                  <a:gd name="connsiteY3" fmla="*/ 3291 h 43219"/>
                  <a:gd name="connsiteX4" fmla="*/ 25785 w 48174"/>
                  <a:gd name="connsiteY4" fmla="*/ 59 h 43219"/>
                  <a:gd name="connsiteX5" fmla="*/ 29869 w 48174"/>
                  <a:gd name="connsiteY5" fmla="*/ 2340 h 43219"/>
                  <a:gd name="connsiteX6" fmla="*/ 35499 w 48174"/>
                  <a:gd name="connsiteY6" fmla="*/ 549 h 43219"/>
                  <a:gd name="connsiteX7" fmla="*/ 38354 w 48174"/>
                  <a:gd name="connsiteY7" fmla="*/ 5435 h 43219"/>
                  <a:gd name="connsiteX8" fmla="*/ 42018 w 48174"/>
                  <a:gd name="connsiteY8" fmla="*/ 10177 h 43219"/>
                  <a:gd name="connsiteX9" fmla="*/ 41854 w 48174"/>
                  <a:gd name="connsiteY9" fmla="*/ 15319 h 43219"/>
                  <a:gd name="connsiteX10" fmla="*/ 43052 w 48174"/>
                  <a:gd name="connsiteY10" fmla="*/ 23181 h 43219"/>
                  <a:gd name="connsiteX11" fmla="*/ 37286 w 48174"/>
                  <a:gd name="connsiteY11" fmla="*/ 30591 h 43219"/>
                  <a:gd name="connsiteX12" fmla="*/ 48174 w 48174"/>
                  <a:gd name="connsiteY12" fmla="*/ 29939 h 43219"/>
                  <a:gd name="connsiteX13" fmla="*/ 34840 w 48174"/>
                  <a:gd name="connsiteY13" fmla="*/ 35172 h 43219"/>
                  <a:gd name="connsiteX14" fmla="*/ 28591 w 48174"/>
                  <a:gd name="connsiteY14" fmla="*/ 36674 h 43219"/>
                  <a:gd name="connsiteX15" fmla="*/ 23703 w 48174"/>
                  <a:gd name="connsiteY15" fmla="*/ 42965 h 43219"/>
                  <a:gd name="connsiteX16" fmla="*/ 16516 w 48174"/>
                  <a:gd name="connsiteY16" fmla="*/ 39125 h 43219"/>
                  <a:gd name="connsiteX17" fmla="*/ 5840 w 48174"/>
                  <a:gd name="connsiteY17" fmla="*/ 35331 h 43219"/>
                  <a:gd name="connsiteX18" fmla="*/ 1146 w 48174"/>
                  <a:gd name="connsiteY18" fmla="*/ 31109 h 43219"/>
                  <a:gd name="connsiteX19" fmla="*/ 2149 w 48174"/>
                  <a:gd name="connsiteY19" fmla="*/ 25410 h 43219"/>
                  <a:gd name="connsiteX20" fmla="*/ 31 w 48174"/>
                  <a:gd name="connsiteY20" fmla="*/ 19563 h 43219"/>
                  <a:gd name="connsiteX21" fmla="*/ 3899 w 48174"/>
                  <a:gd name="connsiteY21" fmla="*/ 14366 h 43219"/>
                  <a:gd name="connsiteX22" fmla="*/ 3936 w 48174"/>
                  <a:gd name="connsiteY22" fmla="*/ 14229 h 43219"/>
                  <a:gd name="connsiteX0" fmla="*/ 28619 w 48174"/>
                  <a:gd name="connsiteY0" fmla="*/ 36455 h 43219"/>
                  <a:gd name="connsiteX1" fmla="*/ 28596 w 48174"/>
                  <a:gd name="connsiteY1" fmla="*/ 36519 h 432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8174" h="43219">
                    <a:moveTo>
                      <a:pt x="3936" y="14229"/>
                    </a:moveTo>
                    <a:cubicBezTo>
                      <a:pt x="3665" y="11516"/>
                      <a:pt x="4297" y="8780"/>
                      <a:pt x="5659" y="6766"/>
                    </a:cubicBezTo>
                    <a:cubicBezTo>
                      <a:pt x="7811" y="3585"/>
                      <a:pt x="11300" y="2876"/>
                      <a:pt x="14041" y="5061"/>
                    </a:cubicBezTo>
                    <a:cubicBezTo>
                      <a:pt x="15714" y="768"/>
                      <a:pt x="19950" y="-119"/>
                      <a:pt x="22492" y="3291"/>
                    </a:cubicBezTo>
                    <a:cubicBezTo>
                      <a:pt x="23133" y="1542"/>
                      <a:pt x="24364" y="333"/>
                      <a:pt x="25785" y="59"/>
                    </a:cubicBezTo>
                    <a:cubicBezTo>
                      <a:pt x="27349" y="-243"/>
                      <a:pt x="28911" y="629"/>
                      <a:pt x="29869" y="2340"/>
                    </a:cubicBezTo>
                    <a:cubicBezTo>
                      <a:pt x="31251" y="126"/>
                      <a:pt x="33537" y="-601"/>
                      <a:pt x="35499" y="549"/>
                    </a:cubicBezTo>
                    <a:cubicBezTo>
                      <a:pt x="36994" y="1425"/>
                      <a:pt x="38066" y="3259"/>
                      <a:pt x="38354" y="5435"/>
                    </a:cubicBezTo>
                    <a:cubicBezTo>
                      <a:pt x="40082" y="6077"/>
                      <a:pt x="41458" y="7857"/>
                      <a:pt x="42018" y="10177"/>
                    </a:cubicBezTo>
                    <a:cubicBezTo>
                      <a:pt x="42425" y="11861"/>
                      <a:pt x="42367" y="13690"/>
                      <a:pt x="41854" y="15319"/>
                    </a:cubicBezTo>
                    <a:cubicBezTo>
                      <a:pt x="43115" y="17553"/>
                      <a:pt x="43813" y="20636"/>
                      <a:pt x="43052" y="23181"/>
                    </a:cubicBezTo>
                    <a:cubicBezTo>
                      <a:pt x="42291" y="25726"/>
                      <a:pt x="40010" y="30061"/>
                      <a:pt x="37286" y="30591"/>
                    </a:cubicBezTo>
                    <a:cubicBezTo>
                      <a:pt x="40761" y="32955"/>
                      <a:pt x="43787" y="31499"/>
                      <a:pt x="48174" y="29939"/>
                    </a:cubicBezTo>
                    <a:cubicBezTo>
                      <a:pt x="41679" y="34310"/>
                      <a:pt x="37294" y="34135"/>
                      <a:pt x="34840" y="35172"/>
                    </a:cubicBezTo>
                    <a:cubicBezTo>
                      <a:pt x="34186" y="37306"/>
                      <a:pt x="30740" y="38498"/>
                      <a:pt x="28591" y="36674"/>
                    </a:cubicBezTo>
                    <a:cubicBezTo>
                      <a:pt x="27896" y="39807"/>
                      <a:pt x="26035" y="42202"/>
                      <a:pt x="23703" y="42965"/>
                    </a:cubicBezTo>
                    <a:cubicBezTo>
                      <a:pt x="20955" y="43864"/>
                      <a:pt x="18087" y="42332"/>
                      <a:pt x="16516" y="39125"/>
                    </a:cubicBezTo>
                    <a:cubicBezTo>
                      <a:pt x="12808" y="42169"/>
                      <a:pt x="7992" y="40458"/>
                      <a:pt x="5840" y="35331"/>
                    </a:cubicBezTo>
                    <a:cubicBezTo>
                      <a:pt x="3726" y="35668"/>
                      <a:pt x="1741" y="33883"/>
                      <a:pt x="1146" y="31109"/>
                    </a:cubicBezTo>
                    <a:cubicBezTo>
                      <a:pt x="715" y="29102"/>
                      <a:pt x="1096" y="26936"/>
                      <a:pt x="2149" y="25410"/>
                    </a:cubicBezTo>
                    <a:cubicBezTo>
                      <a:pt x="655" y="24213"/>
                      <a:pt x="-177" y="21916"/>
                      <a:pt x="31" y="19563"/>
                    </a:cubicBezTo>
                    <a:cubicBezTo>
                      <a:pt x="275" y="16808"/>
                      <a:pt x="1881" y="14650"/>
                      <a:pt x="3899" y="14366"/>
                    </a:cubicBezTo>
                    <a:cubicBezTo>
                      <a:pt x="3911" y="14320"/>
                      <a:pt x="3924" y="14275"/>
                      <a:pt x="3936" y="14229"/>
                    </a:cubicBezTo>
                    <a:close/>
                  </a:path>
                  <a:path w="48174" h="43219" fill="none" extrusionOk="0">
                    <a:moveTo>
                      <a:pt x="28619" y="36455"/>
                    </a:moveTo>
                    <a:cubicBezTo>
                      <a:pt x="28580" y="37102"/>
                      <a:pt x="28734" y="35897"/>
                      <a:pt x="28596" y="36519"/>
                    </a:cubicBezTo>
                  </a:path>
                </a:pathLst>
              </a:custGeom>
              <a:solidFill>
                <a:srgbClr val="FFFFFF"/>
              </a:solidFill>
              <a:ln w="57150" cap="rnd">
                <a:solidFill>
                  <a:schemeClr val="accent5"/>
                </a:solidFill>
                <a:round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ja-JP" altLang="en-US" dirty="0">
                  <a:solidFill>
                    <a:schemeClr val="lt1"/>
                  </a:solidFill>
                </a:endParaRPr>
              </a:p>
            </p:txBody>
          </p:sp>
          <p:pic>
            <p:nvPicPr>
              <p:cNvPr id="36" name="Picture 3" descr="D:\ryuno\_徳島\コンテンツ制作\ストライプ_.png"/>
              <p:cNvPicPr>
                <a:picLocks noChangeAspect="1" noChangeArrowheads="1"/>
              </p:cNvPicPr>
              <p:nvPr/>
            </p:nvPicPr>
            <p:blipFill rotWithShape="1">
              <a:blip r:embed="rId9">
                <a:duotone>
                  <a:schemeClr val="bg2">
                    <a:shade val="45000"/>
                    <a:satMod val="135000"/>
                  </a:schemeClr>
                  <a:prstClr val="white"/>
                </a:duotone>
                <a:extLst>
                  <a:ext uri="{BEBA8EAE-BF5A-486C-A8C5-ECC9F3942E4B}">
                    <a14:imgProps xmlns:a14="http://schemas.microsoft.com/office/drawing/2010/main">
                      <a14:imgLayer r:embed="rId10">
                        <a14:imgEffect>
                          <a14:brightnessContrast bright="40000" contrast="-40000"/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b="31235"/>
              <a:stretch/>
            </p:blipFill>
            <p:spPr bwMode="auto">
              <a:xfrm rot="53048">
                <a:off x="7817239" y="1601191"/>
                <a:ext cx="4968503" cy="1598296"/>
              </a:xfrm>
              <a:prstGeom prst="rect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37" name="テキスト ボックス 36"/>
            <p:cNvSpPr txBox="1"/>
            <p:nvPr/>
          </p:nvSpPr>
          <p:spPr>
            <a:xfrm rot="902826">
              <a:off x="5723097" y="2411741"/>
              <a:ext cx="3215106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000" b="1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そんなつもりはなかったのに、どうしよう・・・</a:t>
              </a:r>
            </a:p>
          </p:txBody>
        </p:sp>
      </p:grpSp>
      <p:grpSp>
        <p:nvGrpSpPr>
          <p:cNvPr id="39" name="グループ化 38"/>
          <p:cNvGrpSpPr/>
          <p:nvPr/>
        </p:nvGrpSpPr>
        <p:grpSpPr>
          <a:xfrm rot="21243625">
            <a:off x="1124854" y="5120408"/>
            <a:ext cx="2909245" cy="1973501"/>
            <a:chOff x="3206474" y="1325341"/>
            <a:chExt cx="6113660" cy="2658471"/>
          </a:xfrm>
        </p:grpSpPr>
        <p:grpSp>
          <p:nvGrpSpPr>
            <p:cNvPr id="40" name="グループ化 39"/>
            <p:cNvGrpSpPr/>
            <p:nvPr/>
          </p:nvGrpSpPr>
          <p:grpSpPr>
            <a:xfrm rot="389126">
              <a:off x="3206474" y="1325341"/>
              <a:ext cx="6113660" cy="2658471"/>
              <a:chOff x="-5223648" y="1664841"/>
              <a:chExt cx="5424994" cy="2961661"/>
            </a:xfrm>
          </p:grpSpPr>
          <p:sp>
            <p:nvSpPr>
              <p:cNvPr id="42" name="爆発 2 6"/>
              <p:cNvSpPr/>
              <p:nvPr/>
            </p:nvSpPr>
            <p:spPr>
              <a:xfrm rot="1236237">
                <a:off x="-5223648" y="1664841"/>
                <a:ext cx="5424994" cy="2961661"/>
              </a:xfrm>
              <a:prstGeom prst="irregularSeal2">
                <a:avLst/>
              </a:prstGeom>
              <a:solidFill>
                <a:schemeClr val="bg1"/>
              </a:solidFill>
              <a:ln w="38100">
                <a:solidFill>
                  <a:schemeClr val="accent5"/>
                </a:solidFill>
                <a:round/>
              </a:ln>
              <a:effectLst>
                <a:softEdge rad="3810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sz="1600">
                  <a:solidFill>
                    <a:schemeClr val="dk1"/>
                  </a:solidFill>
                </a:endParaRPr>
              </a:p>
            </p:txBody>
          </p:sp>
          <p:pic>
            <p:nvPicPr>
              <p:cNvPr id="43" name="Picture 4" descr="D:\ryuno\_徳島\コンテンツ制作\集中線.png"/>
              <p:cNvPicPr>
                <a:picLocks noChangeAspect="1" noChangeArrowheads="1"/>
              </p:cNvPicPr>
              <p:nvPr/>
            </p:nvPicPr>
            <p:blipFill>
              <a:blip r:embed="rId8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1222509">
                <a:off x="-5189863" y="1681931"/>
                <a:ext cx="5347870" cy="2869766"/>
              </a:xfrm>
              <a:prstGeom prst="irregularSeal2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41" name="テキスト ボックス 40"/>
            <p:cNvSpPr txBox="1"/>
            <p:nvPr/>
          </p:nvSpPr>
          <p:spPr>
            <a:xfrm rot="398895">
              <a:off x="4251281" y="2140608"/>
              <a:ext cx="4022481" cy="107796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ja-JP" altLang="en-US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ナカちゃん</a:t>
              </a:r>
            </a:p>
            <a:p>
              <a:pPr>
                <a:spcAft>
                  <a:spcPts val="1200"/>
                </a:spcAft>
              </a:pPr>
              <a:r>
                <a:rPr lang="ja-JP" altLang="en-US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無視しようよ！</a:t>
              </a:r>
            </a:p>
          </p:txBody>
        </p:sp>
      </p:grpSp>
      <p:pic>
        <p:nvPicPr>
          <p:cNvPr id="34" name="図 33"/>
          <p:cNvPicPr>
            <a:picLocks noChangeAspect="1"/>
          </p:cNvPicPr>
          <p:nvPr/>
        </p:nvPicPr>
        <p:blipFill rotWithShape="1"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9473"/>
          <a:stretch/>
        </p:blipFill>
        <p:spPr>
          <a:xfrm>
            <a:off x="2849811" y="2305050"/>
            <a:ext cx="5772005" cy="4648010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4EE86A90-E442-0DA4-1822-C1515A0D20FF}"/>
              </a:ext>
            </a:extLst>
          </p:cNvPr>
          <p:cNvSpPr txBox="1"/>
          <p:nvPr/>
        </p:nvSpPr>
        <p:spPr>
          <a:xfrm>
            <a:off x="1584389" y="5964246"/>
            <a:ext cx="70047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accent5">
                    <a:lumMod val="50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む　し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8D65A695-3DC7-2D41-9F09-E3CE2794C591}"/>
              </a:ext>
            </a:extLst>
          </p:cNvPr>
          <p:cNvSpPr txBox="1"/>
          <p:nvPr/>
        </p:nvSpPr>
        <p:spPr>
          <a:xfrm>
            <a:off x="1394191" y="847522"/>
            <a:ext cx="92936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とも　だち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DF7D9D5B-C9A5-8525-FE72-E52573D8A197}"/>
              </a:ext>
            </a:extLst>
          </p:cNvPr>
          <p:cNvSpPr txBox="1"/>
          <p:nvPr/>
        </p:nvSpPr>
        <p:spPr>
          <a:xfrm>
            <a:off x="5934538" y="847522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い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00C97177-006D-49BA-BE3B-3AE842D10ECA}"/>
              </a:ext>
            </a:extLst>
          </p:cNvPr>
          <p:cNvSpPr txBox="1"/>
          <p:nvPr/>
        </p:nvSpPr>
        <p:spPr>
          <a:xfrm>
            <a:off x="5025206" y="847522"/>
            <a:ext cx="90933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る　ぐち</a:t>
            </a:r>
          </a:p>
        </p:txBody>
      </p:sp>
      <p:sp>
        <p:nvSpPr>
          <p:cNvPr id="11" name="テキスト ボックス 10">
            <a:extLst>
              <a:ext uri="{FF2B5EF4-FFF2-40B4-BE49-F238E27FC236}">
                <a16:creationId xmlns:a16="http://schemas.microsoft.com/office/drawing/2014/main" id="{78BFC397-86EB-A61A-ADA6-5A5A0923973C}"/>
              </a:ext>
            </a:extLst>
          </p:cNvPr>
          <p:cNvSpPr txBox="1"/>
          <p:nvPr/>
        </p:nvSpPr>
        <p:spPr>
          <a:xfrm>
            <a:off x="1094188" y="1436627"/>
            <a:ext cx="84389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　　も</a:t>
            </a:r>
          </a:p>
        </p:txBody>
      </p:sp>
      <p:sp>
        <p:nvSpPr>
          <p:cNvPr id="12" name="テキスト ボックス 11">
            <a:extLst>
              <a:ext uri="{FF2B5EF4-FFF2-40B4-BE49-F238E27FC236}">
                <a16:creationId xmlns:a16="http://schemas.microsoft.com/office/drawing/2014/main" id="{743C1A93-D35A-DECA-0A1C-2DC77DA1A108}"/>
              </a:ext>
            </a:extLst>
          </p:cNvPr>
          <p:cNvSpPr txBox="1"/>
          <p:nvPr/>
        </p:nvSpPr>
        <p:spPr>
          <a:xfrm>
            <a:off x="2323555" y="1436627"/>
            <a:ext cx="648229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CF8E98B5-420A-2C90-3BC7-11FB40265389}"/>
              </a:ext>
            </a:extLst>
          </p:cNvPr>
          <p:cNvSpPr txBox="1"/>
          <p:nvPr/>
        </p:nvSpPr>
        <p:spPr>
          <a:xfrm>
            <a:off x="266915" y="24422"/>
            <a:ext cx="106277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る　ぐち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64969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500"/>
                            </p:stCondLst>
                            <p:childTnLst>
                              <p:par>
                                <p:cTn id="16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6" name="グループ化 35"/>
          <p:cNvGrpSpPr/>
          <p:nvPr/>
        </p:nvGrpSpPr>
        <p:grpSpPr>
          <a:xfrm>
            <a:off x="286007" y="2389817"/>
            <a:ext cx="8964775" cy="2282093"/>
            <a:chOff x="286007" y="2542217"/>
            <a:chExt cx="8964775" cy="2282093"/>
          </a:xfrm>
        </p:grpSpPr>
        <p:sp>
          <p:nvSpPr>
            <p:cNvPr id="37" name="角丸四角形 36"/>
            <p:cNvSpPr/>
            <p:nvPr/>
          </p:nvSpPr>
          <p:spPr>
            <a:xfrm>
              <a:off x="286007" y="2542217"/>
              <a:ext cx="8571987" cy="2282093"/>
            </a:xfrm>
            <a:prstGeom prst="roundRect">
              <a:avLst>
                <a:gd name="adj" fmla="val 13595"/>
              </a:avLst>
            </a:prstGeom>
            <a:solidFill>
              <a:schemeClr val="accent6">
                <a:lumMod val="40000"/>
                <a:lumOff val="60000"/>
              </a:schemeClr>
            </a:solidFill>
            <a:ln w="38100" cap="rnd" cmpd="sng" algn="ctr">
              <a:solidFill>
                <a:schemeClr val="accent6"/>
              </a:solidFill>
              <a:prstDash val="solid"/>
            </a:ln>
            <a:effectLst/>
          </p:spPr>
          <p:txBody>
            <a:bodyPr anchor="ctr"/>
            <a:lstStyle/>
            <a:p>
              <a:pPr marL="0" marR="0" lvl="0" indent="0" defTabSz="91440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  <p:sp>
          <p:nvSpPr>
            <p:cNvPr id="38" name="テキスト ボックス 37"/>
            <p:cNvSpPr txBox="1"/>
            <p:nvPr/>
          </p:nvSpPr>
          <p:spPr>
            <a:xfrm>
              <a:off x="3133221" y="2690397"/>
              <a:ext cx="6117561" cy="209288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ブログや</a:t>
              </a:r>
              <a:r>
                <a: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SNS</a:t>
              </a: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など、あいての顔がみえないところでは、</a:t>
              </a:r>
              <a:endParaRPr lang="en-US" altLang="ja-JP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たんに人の悪口を書いてしまうことがあるかもしれ</a:t>
              </a:r>
              <a:endParaRPr lang="en-US" altLang="ja-JP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ません。でも、それがきっかけで、</a:t>
              </a:r>
              <a:r>
                <a: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”</a:t>
              </a: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炎上</a:t>
              </a:r>
              <a:r>
                <a: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”</a:t>
              </a: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たり、いじめに</a:t>
              </a:r>
              <a:br>
                <a: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</a:b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つながったりすることがあるのです。どんなときにも、</a:t>
              </a:r>
              <a:endParaRPr lang="en-US" altLang="ja-JP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あいての気持ちを考えてから行動しましょう。</a:t>
              </a:r>
              <a:endParaRPr lang="en-US" altLang="ja-JP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</p:txBody>
        </p:sp>
      </p:grpSp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6. </a:t>
            </a:r>
            <a:r>
              <a:rPr lang="ja-JP" altLang="en-US" dirty="0"/>
              <a:t>悪口を書かない</a:t>
            </a:r>
          </a:p>
        </p:txBody>
      </p:sp>
      <p:grpSp>
        <p:nvGrpSpPr>
          <p:cNvPr id="5" name="グループ化 4"/>
          <p:cNvGrpSpPr/>
          <p:nvPr/>
        </p:nvGrpSpPr>
        <p:grpSpPr>
          <a:xfrm>
            <a:off x="427326" y="2312460"/>
            <a:ext cx="2850962" cy="2361283"/>
            <a:chOff x="614653" y="2464860"/>
            <a:chExt cx="2850962" cy="2361283"/>
          </a:xfrm>
        </p:grpSpPr>
        <p:grpSp>
          <p:nvGrpSpPr>
            <p:cNvPr id="6" name="グループ化 5"/>
            <p:cNvGrpSpPr/>
            <p:nvPr/>
          </p:nvGrpSpPr>
          <p:grpSpPr>
            <a:xfrm>
              <a:off x="614653" y="2464860"/>
              <a:ext cx="2850962" cy="2361283"/>
              <a:chOff x="286007" y="1430225"/>
              <a:chExt cx="4101130" cy="3396722"/>
            </a:xfrm>
          </p:grpSpPr>
          <p:pic>
            <p:nvPicPr>
              <p:cNvPr id="79" name="図 78"/>
              <p:cNvPicPr>
                <a:picLocks noChangeAspect="1"/>
              </p:cNvPicPr>
              <p:nvPr/>
            </p:nvPicPr>
            <p:blipFill rotWithShape="1"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/>
            </p:blipFill>
            <p:spPr>
              <a:xfrm>
                <a:off x="286007" y="1430225"/>
                <a:ext cx="4101130" cy="3391448"/>
              </a:xfrm>
              <a:prstGeom prst="rect">
                <a:avLst/>
              </a:prstGeom>
            </p:spPr>
          </p:pic>
          <p:sp>
            <p:nvSpPr>
              <p:cNvPr id="80" name="フリーフォーム 79"/>
              <p:cNvSpPr/>
              <p:nvPr/>
            </p:nvSpPr>
            <p:spPr>
              <a:xfrm>
                <a:off x="617232" y="1863077"/>
                <a:ext cx="3191929" cy="2963870"/>
              </a:xfrm>
              <a:custGeom>
                <a:avLst/>
                <a:gdLst>
                  <a:gd name="connsiteX0" fmla="*/ 464457 w 3004457"/>
                  <a:gd name="connsiteY0" fmla="*/ 0 h 2322286"/>
                  <a:gd name="connsiteX1" fmla="*/ 0 w 3004457"/>
                  <a:gd name="connsiteY1" fmla="*/ 2249714 h 2322286"/>
                  <a:gd name="connsiteX2" fmla="*/ 2685142 w 3004457"/>
                  <a:gd name="connsiteY2" fmla="*/ 2322286 h 2322286"/>
                  <a:gd name="connsiteX3" fmla="*/ 3004457 w 3004457"/>
                  <a:gd name="connsiteY3" fmla="*/ 333829 h 2322286"/>
                  <a:gd name="connsiteX4" fmla="*/ 464457 w 3004457"/>
                  <a:gd name="connsiteY4" fmla="*/ 0 h 2322286"/>
                  <a:gd name="connsiteX0" fmla="*/ 473982 w 3013982"/>
                  <a:gd name="connsiteY0" fmla="*/ 0 h 2330677"/>
                  <a:gd name="connsiteX1" fmla="*/ 0 w 3013982"/>
                  <a:gd name="connsiteY1" fmla="*/ 2330677 h 2330677"/>
                  <a:gd name="connsiteX2" fmla="*/ 2694667 w 3013982"/>
                  <a:gd name="connsiteY2" fmla="*/ 2322286 h 2330677"/>
                  <a:gd name="connsiteX3" fmla="*/ 3013982 w 3013982"/>
                  <a:gd name="connsiteY3" fmla="*/ 333829 h 2330677"/>
                  <a:gd name="connsiteX4" fmla="*/ 473982 w 3013982"/>
                  <a:gd name="connsiteY4" fmla="*/ 0 h 2330677"/>
                  <a:gd name="connsiteX0" fmla="*/ 473982 w 3118757"/>
                  <a:gd name="connsiteY0" fmla="*/ 0 h 2330677"/>
                  <a:gd name="connsiteX1" fmla="*/ 0 w 3118757"/>
                  <a:gd name="connsiteY1" fmla="*/ 2330677 h 2330677"/>
                  <a:gd name="connsiteX2" fmla="*/ 2694667 w 3118757"/>
                  <a:gd name="connsiteY2" fmla="*/ 2322286 h 2330677"/>
                  <a:gd name="connsiteX3" fmla="*/ 3118757 w 3118757"/>
                  <a:gd name="connsiteY3" fmla="*/ 210004 h 2330677"/>
                  <a:gd name="connsiteX4" fmla="*/ 473982 w 3118757"/>
                  <a:gd name="connsiteY4" fmla="*/ 0 h 2330677"/>
                  <a:gd name="connsiteX0" fmla="*/ 473982 w 3118757"/>
                  <a:gd name="connsiteY0" fmla="*/ 0 h 2330677"/>
                  <a:gd name="connsiteX1" fmla="*/ 0 w 3118757"/>
                  <a:gd name="connsiteY1" fmla="*/ 2330677 h 2330677"/>
                  <a:gd name="connsiteX2" fmla="*/ 2847067 w 3118757"/>
                  <a:gd name="connsiteY2" fmla="*/ 2312761 h 2330677"/>
                  <a:gd name="connsiteX3" fmla="*/ 3118757 w 3118757"/>
                  <a:gd name="connsiteY3" fmla="*/ 210004 h 2330677"/>
                  <a:gd name="connsiteX4" fmla="*/ 473982 w 3118757"/>
                  <a:gd name="connsiteY4" fmla="*/ 0 h 2330677"/>
                  <a:gd name="connsiteX0" fmla="*/ 535895 w 3118757"/>
                  <a:gd name="connsiteY0" fmla="*/ 0 h 2473552"/>
                  <a:gd name="connsiteX1" fmla="*/ 0 w 3118757"/>
                  <a:gd name="connsiteY1" fmla="*/ 2473552 h 2473552"/>
                  <a:gd name="connsiteX2" fmla="*/ 2847067 w 3118757"/>
                  <a:gd name="connsiteY2" fmla="*/ 2455636 h 2473552"/>
                  <a:gd name="connsiteX3" fmla="*/ 3118757 w 3118757"/>
                  <a:gd name="connsiteY3" fmla="*/ 352879 h 2473552"/>
                  <a:gd name="connsiteX4" fmla="*/ 535895 w 3118757"/>
                  <a:gd name="connsiteY4" fmla="*/ 0 h 2473552"/>
                  <a:gd name="connsiteX0" fmla="*/ 642575 w 3118757"/>
                  <a:gd name="connsiteY0" fmla="*/ 0 h 2961232"/>
                  <a:gd name="connsiteX1" fmla="*/ 0 w 3118757"/>
                  <a:gd name="connsiteY1" fmla="*/ 2961232 h 2961232"/>
                  <a:gd name="connsiteX2" fmla="*/ 2847067 w 3118757"/>
                  <a:gd name="connsiteY2" fmla="*/ 2943316 h 2961232"/>
                  <a:gd name="connsiteX3" fmla="*/ 3118757 w 3118757"/>
                  <a:gd name="connsiteY3" fmla="*/ 840559 h 2961232"/>
                  <a:gd name="connsiteX4" fmla="*/ 642575 w 3118757"/>
                  <a:gd name="connsiteY4" fmla="*/ 0 h 2961232"/>
                  <a:gd name="connsiteX0" fmla="*/ 642575 w 3210197"/>
                  <a:gd name="connsiteY0" fmla="*/ 0 h 2961232"/>
                  <a:gd name="connsiteX1" fmla="*/ 0 w 3210197"/>
                  <a:gd name="connsiteY1" fmla="*/ 2961232 h 2961232"/>
                  <a:gd name="connsiteX2" fmla="*/ 2847067 w 3210197"/>
                  <a:gd name="connsiteY2" fmla="*/ 2943316 h 2961232"/>
                  <a:gd name="connsiteX3" fmla="*/ 3210197 w 3210197"/>
                  <a:gd name="connsiteY3" fmla="*/ 307159 h 2961232"/>
                  <a:gd name="connsiteX4" fmla="*/ 642575 w 3210197"/>
                  <a:gd name="connsiteY4" fmla="*/ 0 h 2961232"/>
                  <a:gd name="connsiteX0" fmla="*/ 596855 w 3210197"/>
                  <a:gd name="connsiteY0" fmla="*/ 0 h 2961232"/>
                  <a:gd name="connsiteX1" fmla="*/ 0 w 3210197"/>
                  <a:gd name="connsiteY1" fmla="*/ 2961232 h 2961232"/>
                  <a:gd name="connsiteX2" fmla="*/ 2847067 w 3210197"/>
                  <a:gd name="connsiteY2" fmla="*/ 2943316 h 2961232"/>
                  <a:gd name="connsiteX3" fmla="*/ 3210197 w 3210197"/>
                  <a:gd name="connsiteY3" fmla="*/ 307159 h 2961232"/>
                  <a:gd name="connsiteX4" fmla="*/ 596855 w 3210197"/>
                  <a:gd name="connsiteY4" fmla="*/ 0 h 2961232"/>
                  <a:gd name="connsiteX0" fmla="*/ 596855 w 3210197"/>
                  <a:gd name="connsiteY0" fmla="*/ 0 h 2963867"/>
                  <a:gd name="connsiteX1" fmla="*/ 0 w 3210197"/>
                  <a:gd name="connsiteY1" fmla="*/ 2961232 h 2963867"/>
                  <a:gd name="connsiteX2" fmla="*/ 2826515 w 3210197"/>
                  <a:gd name="connsiteY2" fmla="*/ 2963867 h 2963867"/>
                  <a:gd name="connsiteX3" fmla="*/ 3210197 w 3210197"/>
                  <a:gd name="connsiteY3" fmla="*/ 307159 h 2963867"/>
                  <a:gd name="connsiteX4" fmla="*/ 596855 w 3210197"/>
                  <a:gd name="connsiteY4" fmla="*/ 0 h 2963867"/>
                  <a:gd name="connsiteX0" fmla="*/ 596855 w 3210197"/>
                  <a:gd name="connsiteY0" fmla="*/ 0 h 2961232"/>
                  <a:gd name="connsiteX1" fmla="*/ 0 w 3210197"/>
                  <a:gd name="connsiteY1" fmla="*/ 2961232 h 2961232"/>
                  <a:gd name="connsiteX2" fmla="*/ 2840217 w 3210197"/>
                  <a:gd name="connsiteY2" fmla="*/ 2957017 h 2961232"/>
                  <a:gd name="connsiteX3" fmla="*/ 3210197 w 3210197"/>
                  <a:gd name="connsiteY3" fmla="*/ 307159 h 2961232"/>
                  <a:gd name="connsiteX4" fmla="*/ 596855 w 3210197"/>
                  <a:gd name="connsiteY4" fmla="*/ 0 h 2961232"/>
                  <a:gd name="connsiteX0" fmla="*/ 596855 w 3210197"/>
                  <a:gd name="connsiteY0" fmla="*/ 0 h 2961232"/>
                  <a:gd name="connsiteX1" fmla="*/ 0 w 3210197"/>
                  <a:gd name="connsiteY1" fmla="*/ 2961232 h 2961232"/>
                  <a:gd name="connsiteX2" fmla="*/ 2840217 w 3210197"/>
                  <a:gd name="connsiteY2" fmla="*/ 2957017 h 2961232"/>
                  <a:gd name="connsiteX3" fmla="*/ 3210197 w 3210197"/>
                  <a:gd name="connsiteY3" fmla="*/ 307159 h 2961232"/>
                  <a:gd name="connsiteX4" fmla="*/ 596855 w 3210197"/>
                  <a:gd name="connsiteY4" fmla="*/ 0 h 2961232"/>
                  <a:gd name="connsiteX0" fmla="*/ 596855 w 3210197"/>
                  <a:gd name="connsiteY0" fmla="*/ 0 h 2961232"/>
                  <a:gd name="connsiteX1" fmla="*/ 0 w 3210197"/>
                  <a:gd name="connsiteY1" fmla="*/ 2961232 h 2961232"/>
                  <a:gd name="connsiteX2" fmla="*/ 2840217 w 3210197"/>
                  <a:gd name="connsiteY2" fmla="*/ 2957017 h 2961232"/>
                  <a:gd name="connsiteX3" fmla="*/ 3210197 w 3210197"/>
                  <a:gd name="connsiteY3" fmla="*/ 307159 h 2961232"/>
                  <a:gd name="connsiteX4" fmla="*/ 596855 w 3210197"/>
                  <a:gd name="connsiteY4" fmla="*/ 0 h 2961232"/>
                  <a:gd name="connsiteX0" fmla="*/ 596855 w 3210197"/>
                  <a:gd name="connsiteY0" fmla="*/ 0 h 2963869"/>
                  <a:gd name="connsiteX1" fmla="*/ 0 w 3210197"/>
                  <a:gd name="connsiteY1" fmla="*/ 2961232 h 2963869"/>
                  <a:gd name="connsiteX2" fmla="*/ 2840217 w 3210197"/>
                  <a:gd name="connsiteY2" fmla="*/ 2963869 h 2963869"/>
                  <a:gd name="connsiteX3" fmla="*/ 3210197 w 3210197"/>
                  <a:gd name="connsiteY3" fmla="*/ 307159 h 2963869"/>
                  <a:gd name="connsiteX4" fmla="*/ 596855 w 3210197"/>
                  <a:gd name="connsiteY4" fmla="*/ 0 h 2963869"/>
                  <a:gd name="connsiteX0" fmla="*/ 596855 w 3173659"/>
                  <a:gd name="connsiteY0" fmla="*/ 0 h 2963869"/>
                  <a:gd name="connsiteX1" fmla="*/ 0 w 3173659"/>
                  <a:gd name="connsiteY1" fmla="*/ 2961232 h 2963869"/>
                  <a:gd name="connsiteX2" fmla="*/ 2840217 w 3173659"/>
                  <a:gd name="connsiteY2" fmla="*/ 2963869 h 2963869"/>
                  <a:gd name="connsiteX3" fmla="*/ 3173659 w 3173659"/>
                  <a:gd name="connsiteY3" fmla="*/ 307159 h 2963869"/>
                  <a:gd name="connsiteX4" fmla="*/ 596855 w 3173659"/>
                  <a:gd name="connsiteY4" fmla="*/ 0 h 2963869"/>
                  <a:gd name="connsiteX0" fmla="*/ 596855 w 3137121"/>
                  <a:gd name="connsiteY0" fmla="*/ 0 h 2963869"/>
                  <a:gd name="connsiteX1" fmla="*/ 0 w 3137121"/>
                  <a:gd name="connsiteY1" fmla="*/ 2961232 h 2963869"/>
                  <a:gd name="connsiteX2" fmla="*/ 2840217 w 3137121"/>
                  <a:gd name="connsiteY2" fmla="*/ 2963869 h 2963869"/>
                  <a:gd name="connsiteX3" fmla="*/ 3137121 w 3137121"/>
                  <a:gd name="connsiteY3" fmla="*/ 311726 h 2963869"/>
                  <a:gd name="connsiteX4" fmla="*/ 596855 w 3137121"/>
                  <a:gd name="connsiteY4" fmla="*/ 0 h 2963869"/>
                  <a:gd name="connsiteX0" fmla="*/ 596855 w 3191928"/>
                  <a:gd name="connsiteY0" fmla="*/ 0 h 2963869"/>
                  <a:gd name="connsiteX1" fmla="*/ 0 w 3191928"/>
                  <a:gd name="connsiteY1" fmla="*/ 2961232 h 2963869"/>
                  <a:gd name="connsiteX2" fmla="*/ 2840217 w 3191928"/>
                  <a:gd name="connsiteY2" fmla="*/ 2963869 h 2963869"/>
                  <a:gd name="connsiteX3" fmla="*/ 3191928 w 3191928"/>
                  <a:gd name="connsiteY3" fmla="*/ 311726 h 2963869"/>
                  <a:gd name="connsiteX4" fmla="*/ 596855 w 3191928"/>
                  <a:gd name="connsiteY4" fmla="*/ 0 h 296386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3191928" h="2963869">
                    <a:moveTo>
                      <a:pt x="596855" y="0"/>
                    </a:moveTo>
                    <a:lnTo>
                      <a:pt x="0" y="2961232"/>
                    </a:lnTo>
                    <a:lnTo>
                      <a:pt x="2840217" y="2963869"/>
                    </a:lnTo>
                    <a:lnTo>
                      <a:pt x="3191928" y="311726"/>
                    </a:lnTo>
                    <a:lnTo>
                      <a:pt x="596855" y="0"/>
                    </a:lnTo>
                    <a:close/>
                  </a:path>
                </a:pathLst>
              </a:custGeom>
              <a:solidFill>
                <a:srgbClr val="FFE5FF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 dirty="0"/>
              </a:p>
            </p:txBody>
          </p:sp>
        </p:grpSp>
        <p:grpSp>
          <p:nvGrpSpPr>
            <p:cNvPr id="7" name="グループ化 6"/>
            <p:cNvGrpSpPr/>
            <p:nvPr/>
          </p:nvGrpSpPr>
          <p:grpSpPr>
            <a:xfrm rot="60000">
              <a:off x="1097707" y="2976143"/>
              <a:ext cx="1855490" cy="1625973"/>
              <a:chOff x="1097707" y="2976143"/>
              <a:chExt cx="1855490" cy="1625973"/>
            </a:xfrm>
          </p:grpSpPr>
          <p:pic>
            <p:nvPicPr>
              <p:cNvPr id="45" name="Picture 4" descr="D:\_プロジェクト\201512_徳島市教育研究所\04_scenario\LINE風吹き出し.png"/>
              <p:cNvPicPr>
                <a:picLocks noChangeAspect="1" noChangeArrowheads="1"/>
              </p:cNvPicPr>
              <p:nvPr/>
            </p:nvPicPr>
            <p:blipFill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331026">
                <a:off x="1239098" y="2976143"/>
                <a:ext cx="1487303" cy="311555"/>
              </a:xfrm>
              <a:prstGeom prst="rect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  <p:pic>
            <p:nvPicPr>
              <p:cNvPr id="46" name="Picture 5" descr="D:\_プロジェクト\201512_徳島市教育研究所\04_scenario\LINE風吹き出し2.png"/>
              <p:cNvPicPr>
                <a:picLocks noChangeAspect="1" noChangeArrowheads="1"/>
              </p:cNvPicPr>
              <p:nvPr/>
            </p:nvPicPr>
            <p:blipFill>
              <a:blip r:embed="rId6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360000">
                <a:off x="1393717" y="3423863"/>
                <a:ext cx="1544928" cy="347762"/>
              </a:xfrm>
              <a:prstGeom prst="rect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  <p:sp>
            <p:nvSpPr>
              <p:cNvPr id="47" name="テキスト ボックス 46"/>
              <p:cNvSpPr txBox="1"/>
              <p:nvPr/>
            </p:nvSpPr>
            <p:spPr>
              <a:xfrm rot="360000">
                <a:off x="1337536" y="3008221"/>
                <a:ext cx="1250129" cy="2616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kumimoji="1" lang="ja-JP" altLang="en-US" sz="1100" dirty="0">
                    <a:latin typeface="Meiryo UI" pitchFamily="50" charset="-128"/>
                    <a:ea typeface="Meiryo UI" pitchFamily="50" charset="-128"/>
                    <a:cs typeface="Meiryo UI" pitchFamily="50" charset="-128"/>
                  </a:rPr>
                  <a:t>あの子きらい！</a:t>
                </a:r>
              </a:p>
            </p:txBody>
          </p:sp>
          <p:sp>
            <p:nvSpPr>
              <p:cNvPr id="48" name="テキスト ボックス 47"/>
              <p:cNvSpPr txBox="1"/>
              <p:nvPr/>
            </p:nvSpPr>
            <p:spPr>
              <a:xfrm rot="360000">
                <a:off x="1552403" y="3470368"/>
                <a:ext cx="1400794" cy="2616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kumimoji="1" lang="ja-JP" altLang="en-US" sz="1100" dirty="0">
                    <a:latin typeface="Meiryo UI" pitchFamily="50" charset="-128"/>
                    <a:ea typeface="Meiryo UI" pitchFamily="50" charset="-128"/>
                    <a:cs typeface="Meiryo UI" pitchFamily="50" charset="-128"/>
                  </a:rPr>
                  <a:t>分かる！わたしも！</a:t>
                </a:r>
              </a:p>
            </p:txBody>
          </p:sp>
          <p:pic>
            <p:nvPicPr>
              <p:cNvPr id="49" name="Picture 4" descr="D:\_プロジェクト\201512_徳島市教育研究所\04_scenario\LINE風吹き出し.png"/>
              <p:cNvPicPr>
                <a:picLocks noChangeAspect="1" noChangeArrowheads="1"/>
              </p:cNvPicPr>
              <p:nvPr/>
            </p:nvPicPr>
            <p:blipFill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331026">
                <a:off x="1097707" y="3805745"/>
                <a:ext cx="1487303" cy="311555"/>
              </a:xfrm>
              <a:prstGeom prst="rect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  <p:sp>
            <p:nvSpPr>
              <p:cNvPr id="50" name="テキスト ボックス 49"/>
              <p:cNvSpPr txBox="1"/>
              <p:nvPr/>
            </p:nvSpPr>
            <p:spPr>
              <a:xfrm rot="360000">
                <a:off x="1196145" y="3837824"/>
                <a:ext cx="1250129" cy="2616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kumimoji="1" lang="ja-JP" altLang="en-US" sz="1100" dirty="0">
                    <a:latin typeface="Meiryo UI" pitchFamily="50" charset="-128"/>
                    <a:ea typeface="Meiryo UI" pitchFamily="50" charset="-128"/>
                    <a:cs typeface="Meiryo UI" pitchFamily="50" charset="-128"/>
                  </a:rPr>
                  <a:t>ムシしちゃおうよ</a:t>
                </a:r>
              </a:p>
            </p:txBody>
          </p:sp>
          <p:pic>
            <p:nvPicPr>
              <p:cNvPr id="51" name="Picture 5" descr="D:\_プロジェクト\201512_徳島市教育研究所\04_scenario\LINE風吹き出し2.png"/>
              <p:cNvPicPr>
                <a:picLocks noChangeAspect="1" noChangeArrowheads="1"/>
              </p:cNvPicPr>
              <p:nvPr/>
            </p:nvPicPr>
            <p:blipFill>
              <a:blip r:embed="rId6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360000">
                <a:off x="1276872" y="4254354"/>
                <a:ext cx="1544928" cy="347762"/>
              </a:xfrm>
              <a:prstGeom prst="rect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  <p:sp>
            <p:nvSpPr>
              <p:cNvPr id="52" name="テキスト ボックス 51"/>
              <p:cNvSpPr txBox="1"/>
              <p:nvPr/>
            </p:nvSpPr>
            <p:spPr>
              <a:xfrm rot="360000">
                <a:off x="1435823" y="4295819"/>
                <a:ext cx="1304353" cy="2616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kumimoji="1" lang="ja-JP" altLang="en-US" sz="1100" dirty="0">
                    <a:latin typeface="Meiryo UI" pitchFamily="50" charset="-128"/>
                    <a:ea typeface="Meiryo UI" pitchFamily="50" charset="-128"/>
                    <a:cs typeface="Meiryo UI" pitchFamily="50" charset="-128"/>
                  </a:rPr>
                  <a:t>いいね！そうしよ！</a:t>
                </a:r>
              </a:p>
            </p:txBody>
          </p:sp>
        </p:grpSp>
      </p:grpSp>
      <p:sp>
        <p:nvSpPr>
          <p:cNvPr id="42" name="乗算記号 41"/>
          <p:cNvSpPr/>
          <p:nvPr/>
        </p:nvSpPr>
        <p:spPr>
          <a:xfrm rot="20932626">
            <a:off x="-249156" y="2280828"/>
            <a:ext cx="2040134" cy="2013785"/>
          </a:xfrm>
          <a:prstGeom prst="mathMultiply">
            <a:avLst>
              <a:gd name="adj1" fmla="val 13871"/>
            </a:avLst>
          </a:prstGeom>
          <a:solidFill>
            <a:schemeClr val="bg1">
              <a:alpha val="80000"/>
            </a:schemeClr>
          </a:solidFill>
          <a:ln w="38100">
            <a:solidFill>
              <a:schemeClr val="tx1">
                <a:alpha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endParaRPr lang="ja-JP" altLang="en-US"/>
          </a:p>
        </p:txBody>
      </p:sp>
      <p:grpSp>
        <p:nvGrpSpPr>
          <p:cNvPr id="4" name="グループ化 3"/>
          <p:cNvGrpSpPr/>
          <p:nvPr/>
        </p:nvGrpSpPr>
        <p:grpSpPr>
          <a:xfrm>
            <a:off x="286006" y="4462205"/>
            <a:ext cx="8750173" cy="2316046"/>
            <a:chOff x="286006" y="4462205"/>
            <a:chExt cx="8750173" cy="2316046"/>
          </a:xfrm>
        </p:grpSpPr>
        <p:grpSp>
          <p:nvGrpSpPr>
            <p:cNvPr id="39" name="グループ化 38"/>
            <p:cNvGrpSpPr/>
            <p:nvPr/>
          </p:nvGrpSpPr>
          <p:grpSpPr>
            <a:xfrm>
              <a:off x="286006" y="4854426"/>
              <a:ext cx="8571987" cy="1916578"/>
              <a:chOff x="286006" y="4854426"/>
              <a:chExt cx="8571987" cy="1916578"/>
            </a:xfrm>
          </p:grpSpPr>
          <p:sp>
            <p:nvSpPr>
              <p:cNvPr id="40" name="角丸四角形 39"/>
              <p:cNvSpPr/>
              <p:nvPr/>
            </p:nvSpPr>
            <p:spPr>
              <a:xfrm>
                <a:off x="286006" y="4854426"/>
                <a:ext cx="8571987" cy="1915540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 w="38100" cap="rnd" cmpd="sng" algn="ctr">
                <a:solidFill>
                  <a:schemeClr val="accent2"/>
                </a:solidFill>
                <a:prstDash val="solid"/>
              </a:ln>
              <a:effectLst/>
            </p:spPr>
            <p:txBody>
              <a:bodyPr anchor="ctr"/>
              <a:lstStyle/>
              <a:p>
                <a:pPr marL="0" marR="0" lvl="0" indent="0" defTabSz="91440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ja-JP" altLang="en-US" sz="1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ＭＳ Ｐゴシック" panose="020B0600070205080204" pitchFamily="50" charset="-128"/>
                  <a:cs typeface="+mn-cs"/>
                </a:endParaRPr>
              </a:p>
            </p:txBody>
          </p:sp>
          <p:sp>
            <p:nvSpPr>
              <p:cNvPr id="41" name="テキスト ボックス 40"/>
              <p:cNvSpPr txBox="1"/>
              <p:nvPr/>
            </p:nvSpPr>
            <p:spPr>
              <a:xfrm>
                <a:off x="451091" y="4985900"/>
                <a:ext cx="6621829" cy="178510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ウソをついてだれかの悪いうわさを流すと、</a:t>
                </a:r>
                <a:endPara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「名誉毀損」という罪になるかもしれません。</a:t>
                </a:r>
                <a:endPara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ブログや</a:t>
                </a:r>
                <a:r>
                  <a:rPr lang="en-US" altLang="ja-JP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SNS</a:t>
                </a:r>
                <a:r>
                  <a:rPr lang="ja-JP" altLang="en-US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にいちど書いたことは、なかなか消せないので、</a:t>
                </a:r>
                <a:endPara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「書いてよいことかどうか」を、書くまえに、おちついて考えましょう。</a:t>
                </a:r>
                <a:endPara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</p:txBody>
          </p:sp>
        </p:grpSp>
        <p:grpSp>
          <p:nvGrpSpPr>
            <p:cNvPr id="8" name="グループ化 7"/>
            <p:cNvGrpSpPr/>
            <p:nvPr/>
          </p:nvGrpSpPr>
          <p:grpSpPr>
            <a:xfrm>
              <a:off x="4965975" y="4592493"/>
              <a:ext cx="2715942" cy="1187433"/>
              <a:chOff x="6821223" y="3820257"/>
              <a:chExt cx="2715942" cy="1187433"/>
            </a:xfrm>
          </p:grpSpPr>
          <p:sp>
            <p:nvSpPr>
              <p:cNvPr id="99" name="円/楕円 98"/>
              <p:cNvSpPr/>
              <p:nvPr/>
            </p:nvSpPr>
            <p:spPr>
              <a:xfrm rot="21099215">
                <a:off x="9213796" y="4838354"/>
                <a:ext cx="124798" cy="119299"/>
              </a:xfrm>
              <a:prstGeom prst="ellipse">
                <a:avLst/>
              </a:prstGeom>
              <a:solidFill>
                <a:srgbClr val="FFFFFF"/>
              </a:solidFill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>
                  <a:solidFill>
                    <a:schemeClr val="dk1"/>
                  </a:solidFill>
                </a:endParaRPr>
              </a:p>
            </p:txBody>
          </p:sp>
          <p:grpSp>
            <p:nvGrpSpPr>
              <p:cNvPr id="54" name="グループ化 53"/>
              <p:cNvGrpSpPr/>
              <p:nvPr/>
            </p:nvGrpSpPr>
            <p:grpSpPr>
              <a:xfrm rot="628046">
                <a:off x="6821223" y="3820257"/>
                <a:ext cx="2715942" cy="1187433"/>
                <a:chOff x="-195764" y="4686289"/>
                <a:chExt cx="2715942" cy="1187433"/>
              </a:xfrm>
            </p:grpSpPr>
            <p:sp>
              <p:nvSpPr>
                <p:cNvPr id="60" name="雲 31"/>
                <p:cNvSpPr/>
                <p:nvPr/>
              </p:nvSpPr>
              <p:spPr>
                <a:xfrm rot="21356095">
                  <a:off x="-68395" y="4686289"/>
                  <a:ext cx="2417156" cy="1187433"/>
                </a:xfrm>
                <a:custGeom>
                  <a:avLst/>
                  <a:gdLst>
                    <a:gd name="connsiteX0" fmla="*/ 3900 w 43200"/>
                    <a:gd name="connsiteY0" fmla="*/ 14370 h 43200"/>
                    <a:gd name="connsiteX1" fmla="*/ 5623 w 43200"/>
                    <a:gd name="connsiteY1" fmla="*/ 6907 h 43200"/>
                    <a:gd name="connsiteX2" fmla="*/ 14005 w 43200"/>
                    <a:gd name="connsiteY2" fmla="*/ 5202 h 43200"/>
                    <a:gd name="connsiteX3" fmla="*/ 22456 w 43200"/>
                    <a:gd name="connsiteY3" fmla="*/ 3432 h 43200"/>
                    <a:gd name="connsiteX4" fmla="*/ 25749 w 43200"/>
                    <a:gd name="connsiteY4" fmla="*/ 200 h 43200"/>
                    <a:gd name="connsiteX5" fmla="*/ 29833 w 43200"/>
                    <a:gd name="connsiteY5" fmla="*/ 2481 h 43200"/>
                    <a:gd name="connsiteX6" fmla="*/ 35463 w 43200"/>
                    <a:gd name="connsiteY6" fmla="*/ 690 h 43200"/>
                    <a:gd name="connsiteX7" fmla="*/ 38318 w 43200"/>
                    <a:gd name="connsiteY7" fmla="*/ 5576 h 43200"/>
                    <a:gd name="connsiteX8" fmla="*/ 41982 w 43200"/>
                    <a:gd name="connsiteY8" fmla="*/ 10318 h 43200"/>
                    <a:gd name="connsiteX9" fmla="*/ 41818 w 43200"/>
                    <a:gd name="connsiteY9" fmla="*/ 15460 h 43200"/>
                    <a:gd name="connsiteX10" fmla="*/ 43016 w 43200"/>
                    <a:gd name="connsiteY10" fmla="*/ 23322 h 43200"/>
                    <a:gd name="connsiteX11" fmla="*/ 37404 w 43200"/>
                    <a:gd name="connsiteY11" fmla="*/ 30204 h 43200"/>
                    <a:gd name="connsiteX12" fmla="*/ 35395 w 43200"/>
                    <a:gd name="connsiteY12" fmla="*/ 36101 h 43200"/>
                    <a:gd name="connsiteX13" fmla="*/ 28555 w 43200"/>
                    <a:gd name="connsiteY13" fmla="*/ 36815 h 43200"/>
                    <a:gd name="connsiteX14" fmla="*/ 23667 w 43200"/>
                    <a:gd name="connsiteY14" fmla="*/ 43106 h 43200"/>
                    <a:gd name="connsiteX15" fmla="*/ 16480 w 43200"/>
                    <a:gd name="connsiteY15" fmla="*/ 39266 h 43200"/>
                    <a:gd name="connsiteX16" fmla="*/ 5804 w 43200"/>
                    <a:gd name="connsiteY16" fmla="*/ 35472 h 43200"/>
                    <a:gd name="connsiteX17" fmla="*/ 1110 w 43200"/>
                    <a:gd name="connsiteY17" fmla="*/ 31250 h 43200"/>
                    <a:gd name="connsiteX18" fmla="*/ 2113 w 43200"/>
                    <a:gd name="connsiteY18" fmla="*/ 25551 h 43200"/>
                    <a:gd name="connsiteX19" fmla="*/ -5 w 43200"/>
                    <a:gd name="connsiteY19" fmla="*/ 19704 h 43200"/>
                    <a:gd name="connsiteX20" fmla="*/ 3863 w 43200"/>
                    <a:gd name="connsiteY20" fmla="*/ 14507 h 43200"/>
                    <a:gd name="connsiteX21" fmla="*/ 3900 w 43200"/>
                    <a:gd name="connsiteY21" fmla="*/ 14370 h 43200"/>
                    <a:gd name="connsiteX0" fmla="*/ 4693 w 43200"/>
                    <a:gd name="connsiteY0" fmla="*/ 26177 h 43200"/>
                    <a:gd name="connsiteX1" fmla="*/ 2160 w 43200"/>
                    <a:gd name="connsiteY1" fmla="*/ 25380 h 43200"/>
                    <a:gd name="connsiteX2" fmla="*/ 6928 w 43200"/>
                    <a:gd name="connsiteY2" fmla="*/ 34899 h 43200"/>
                    <a:gd name="connsiteX3" fmla="*/ 5820 w 43200"/>
                    <a:gd name="connsiteY3" fmla="*/ 35280 h 43200"/>
                    <a:gd name="connsiteX4" fmla="*/ 16478 w 43200"/>
                    <a:gd name="connsiteY4" fmla="*/ 39090 h 43200"/>
                    <a:gd name="connsiteX5" fmla="*/ 15810 w 43200"/>
                    <a:gd name="connsiteY5" fmla="*/ 37350 h 43200"/>
                    <a:gd name="connsiteX6" fmla="*/ 28827 w 43200"/>
                    <a:gd name="connsiteY6" fmla="*/ 34751 h 43200"/>
                    <a:gd name="connsiteX7" fmla="*/ 28560 w 43200"/>
                    <a:gd name="connsiteY7" fmla="*/ 36660 h 43200"/>
                    <a:gd name="connsiteX8" fmla="*/ 34129 w 43200"/>
                    <a:gd name="connsiteY8" fmla="*/ 22954 h 43200"/>
                    <a:gd name="connsiteX9" fmla="*/ 37380 w 43200"/>
                    <a:gd name="connsiteY9" fmla="*/ 30090 h 43200"/>
                    <a:gd name="connsiteX10" fmla="*/ 41798 w 43200"/>
                    <a:gd name="connsiteY10" fmla="*/ 15354 h 43200"/>
                    <a:gd name="connsiteX11" fmla="*/ 40350 w 43200"/>
                    <a:gd name="connsiteY11" fmla="*/ 18030 h 43200"/>
                    <a:gd name="connsiteX12" fmla="*/ 38324 w 43200"/>
                    <a:gd name="connsiteY12" fmla="*/ 5426 h 43200"/>
                    <a:gd name="connsiteX13" fmla="*/ 38400 w 43200"/>
                    <a:gd name="connsiteY13" fmla="*/ 6690 h 43200"/>
                    <a:gd name="connsiteX14" fmla="*/ 29078 w 43200"/>
                    <a:gd name="connsiteY14" fmla="*/ 3952 h 43200"/>
                    <a:gd name="connsiteX15" fmla="*/ 29820 w 43200"/>
                    <a:gd name="connsiteY15" fmla="*/ 2340 h 43200"/>
                    <a:gd name="connsiteX16" fmla="*/ 22141 w 43200"/>
                    <a:gd name="connsiteY16" fmla="*/ 4720 h 43200"/>
                    <a:gd name="connsiteX17" fmla="*/ 22500 w 43200"/>
                    <a:gd name="connsiteY17" fmla="*/ 3330 h 43200"/>
                    <a:gd name="connsiteX18" fmla="*/ 14000 w 43200"/>
                    <a:gd name="connsiteY18" fmla="*/ 5192 h 43200"/>
                    <a:gd name="connsiteX19" fmla="*/ 15300 w 43200"/>
                    <a:gd name="connsiteY19" fmla="*/ 6540 h 43200"/>
                    <a:gd name="connsiteX20" fmla="*/ 4127 w 43200"/>
                    <a:gd name="connsiteY20" fmla="*/ 15789 h 43200"/>
                    <a:gd name="connsiteX21" fmla="*/ 3900 w 43200"/>
                    <a:gd name="connsiteY21" fmla="*/ 14370 h 43200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4729 w 43256"/>
                    <a:gd name="connsiteY0" fmla="*/ 26036 h 43219"/>
                    <a:gd name="connsiteX1" fmla="*/ 2196 w 43256"/>
                    <a:gd name="connsiteY1" fmla="*/ 25239 h 43219"/>
                    <a:gd name="connsiteX2" fmla="*/ 6964 w 43256"/>
                    <a:gd name="connsiteY2" fmla="*/ 34758 h 43219"/>
                    <a:gd name="connsiteX3" fmla="*/ 5856 w 43256"/>
                    <a:gd name="connsiteY3" fmla="*/ 35139 h 43219"/>
                    <a:gd name="connsiteX4" fmla="*/ 16514 w 43256"/>
                    <a:gd name="connsiteY4" fmla="*/ 38949 h 43219"/>
                    <a:gd name="connsiteX5" fmla="*/ 15846 w 43256"/>
                    <a:gd name="connsiteY5" fmla="*/ 37209 h 43219"/>
                    <a:gd name="connsiteX6" fmla="*/ 28863 w 43256"/>
                    <a:gd name="connsiteY6" fmla="*/ 34610 h 43219"/>
                    <a:gd name="connsiteX7" fmla="*/ 28596 w 43256"/>
                    <a:gd name="connsiteY7" fmla="*/ 36519 h 43219"/>
                    <a:gd name="connsiteX8" fmla="*/ 36173 w 43256"/>
                    <a:gd name="connsiteY8" fmla="*/ 25158 h 43219"/>
                    <a:gd name="connsiteX9" fmla="*/ 37416 w 43256"/>
                    <a:gd name="connsiteY9" fmla="*/ 29949 h 43219"/>
                    <a:gd name="connsiteX10" fmla="*/ 41834 w 43256"/>
                    <a:gd name="connsiteY10" fmla="*/ 15213 h 43219"/>
                    <a:gd name="connsiteX11" fmla="*/ 40386 w 43256"/>
                    <a:gd name="connsiteY11" fmla="*/ 17889 h 43219"/>
                    <a:gd name="connsiteX12" fmla="*/ 38360 w 43256"/>
                    <a:gd name="connsiteY12" fmla="*/ 5285 h 43219"/>
                    <a:gd name="connsiteX13" fmla="*/ 38436 w 43256"/>
                    <a:gd name="connsiteY13" fmla="*/ 6549 h 43219"/>
                    <a:gd name="connsiteX14" fmla="*/ 29114 w 43256"/>
                    <a:gd name="connsiteY14" fmla="*/ 3811 h 43219"/>
                    <a:gd name="connsiteX15" fmla="*/ 29856 w 43256"/>
                    <a:gd name="connsiteY15" fmla="*/ 2199 h 43219"/>
                    <a:gd name="connsiteX16" fmla="*/ 22177 w 43256"/>
                    <a:gd name="connsiteY16" fmla="*/ 4579 h 43219"/>
                    <a:gd name="connsiteX17" fmla="*/ 22536 w 43256"/>
                    <a:gd name="connsiteY17" fmla="*/ 3189 h 43219"/>
                    <a:gd name="connsiteX18" fmla="*/ 14036 w 43256"/>
                    <a:gd name="connsiteY18" fmla="*/ 5051 h 43219"/>
                    <a:gd name="connsiteX19" fmla="*/ 15336 w 43256"/>
                    <a:gd name="connsiteY19" fmla="*/ 6399 h 43219"/>
                    <a:gd name="connsiteX20" fmla="*/ 4163 w 43256"/>
                    <a:gd name="connsiteY20" fmla="*/ 15648 h 43219"/>
                    <a:gd name="connsiteX21" fmla="*/ 3936 w 43256"/>
                    <a:gd name="connsiteY21" fmla="*/ 1422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4729 w 43256"/>
                    <a:gd name="connsiteY0" fmla="*/ 26036 h 43219"/>
                    <a:gd name="connsiteX1" fmla="*/ 2196 w 43256"/>
                    <a:gd name="connsiteY1" fmla="*/ 25239 h 43219"/>
                    <a:gd name="connsiteX2" fmla="*/ 6964 w 43256"/>
                    <a:gd name="connsiteY2" fmla="*/ 34758 h 43219"/>
                    <a:gd name="connsiteX3" fmla="*/ 5856 w 43256"/>
                    <a:gd name="connsiteY3" fmla="*/ 35139 h 43219"/>
                    <a:gd name="connsiteX4" fmla="*/ 16514 w 43256"/>
                    <a:gd name="connsiteY4" fmla="*/ 38949 h 43219"/>
                    <a:gd name="connsiteX5" fmla="*/ 15846 w 43256"/>
                    <a:gd name="connsiteY5" fmla="*/ 37209 h 43219"/>
                    <a:gd name="connsiteX6" fmla="*/ 28863 w 43256"/>
                    <a:gd name="connsiteY6" fmla="*/ 34610 h 43219"/>
                    <a:gd name="connsiteX7" fmla="*/ 28596 w 43256"/>
                    <a:gd name="connsiteY7" fmla="*/ 36519 h 43219"/>
                    <a:gd name="connsiteX8" fmla="*/ 41834 w 43256"/>
                    <a:gd name="connsiteY8" fmla="*/ 15213 h 43219"/>
                    <a:gd name="connsiteX9" fmla="*/ 40386 w 43256"/>
                    <a:gd name="connsiteY9" fmla="*/ 17889 h 43219"/>
                    <a:gd name="connsiteX10" fmla="*/ 38360 w 43256"/>
                    <a:gd name="connsiteY10" fmla="*/ 5285 h 43219"/>
                    <a:gd name="connsiteX11" fmla="*/ 38436 w 43256"/>
                    <a:gd name="connsiteY11" fmla="*/ 6549 h 43219"/>
                    <a:gd name="connsiteX12" fmla="*/ 29114 w 43256"/>
                    <a:gd name="connsiteY12" fmla="*/ 3811 h 43219"/>
                    <a:gd name="connsiteX13" fmla="*/ 29856 w 43256"/>
                    <a:gd name="connsiteY13" fmla="*/ 2199 h 43219"/>
                    <a:gd name="connsiteX14" fmla="*/ 22177 w 43256"/>
                    <a:gd name="connsiteY14" fmla="*/ 4579 h 43219"/>
                    <a:gd name="connsiteX15" fmla="*/ 22536 w 43256"/>
                    <a:gd name="connsiteY15" fmla="*/ 3189 h 43219"/>
                    <a:gd name="connsiteX16" fmla="*/ 14036 w 43256"/>
                    <a:gd name="connsiteY16" fmla="*/ 5051 h 43219"/>
                    <a:gd name="connsiteX17" fmla="*/ 15336 w 43256"/>
                    <a:gd name="connsiteY17" fmla="*/ 6399 h 43219"/>
                    <a:gd name="connsiteX18" fmla="*/ 4163 w 43256"/>
                    <a:gd name="connsiteY18" fmla="*/ 15648 h 43219"/>
                    <a:gd name="connsiteX19" fmla="*/ 3936 w 43256"/>
                    <a:gd name="connsiteY19" fmla="*/ 1422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4729 w 43256"/>
                    <a:gd name="connsiteY0" fmla="*/ 26036 h 43219"/>
                    <a:gd name="connsiteX1" fmla="*/ 2196 w 43256"/>
                    <a:gd name="connsiteY1" fmla="*/ 25239 h 43219"/>
                    <a:gd name="connsiteX2" fmla="*/ 6964 w 43256"/>
                    <a:gd name="connsiteY2" fmla="*/ 34758 h 43219"/>
                    <a:gd name="connsiteX3" fmla="*/ 5856 w 43256"/>
                    <a:gd name="connsiteY3" fmla="*/ 35139 h 43219"/>
                    <a:gd name="connsiteX4" fmla="*/ 28863 w 43256"/>
                    <a:gd name="connsiteY4" fmla="*/ 34610 h 43219"/>
                    <a:gd name="connsiteX5" fmla="*/ 28596 w 43256"/>
                    <a:gd name="connsiteY5" fmla="*/ 36519 h 43219"/>
                    <a:gd name="connsiteX6" fmla="*/ 41834 w 43256"/>
                    <a:gd name="connsiteY6" fmla="*/ 15213 h 43219"/>
                    <a:gd name="connsiteX7" fmla="*/ 40386 w 43256"/>
                    <a:gd name="connsiteY7" fmla="*/ 17889 h 43219"/>
                    <a:gd name="connsiteX8" fmla="*/ 38360 w 43256"/>
                    <a:gd name="connsiteY8" fmla="*/ 5285 h 43219"/>
                    <a:gd name="connsiteX9" fmla="*/ 38436 w 43256"/>
                    <a:gd name="connsiteY9" fmla="*/ 6549 h 43219"/>
                    <a:gd name="connsiteX10" fmla="*/ 29114 w 43256"/>
                    <a:gd name="connsiteY10" fmla="*/ 3811 h 43219"/>
                    <a:gd name="connsiteX11" fmla="*/ 29856 w 43256"/>
                    <a:gd name="connsiteY11" fmla="*/ 2199 h 43219"/>
                    <a:gd name="connsiteX12" fmla="*/ 22177 w 43256"/>
                    <a:gd name="connsiteY12" fmla="*/ 4579 h 43219"/>
                    <a:gd name="connsiteX13" fmla="*/ 22536 w 43256"/>
                    <a:gd name="connsiteY13" fmla="*/ 3189 h 43219"/>
                    <a:gd name="connsiteX14" fmla="*/ 14036 w 43256"/>
                    <a:gd name="connsiteY14" fmla="*/ 5051 h 43219"/>
                    <a:gd name="connsiteX15" fmla="*/ 15336 w 43256"/>
                    <a:gd name="connsiteY15" fmla="*/ 6399 h 43219"/>
                    <a:gd name="connsiteX16" fmla="*/ 4163 w 43256"/>
                    <a:gd name="connsiteY16" fmla="*/ 15648 h 43219"/>
                    <a:gd name="connsiteX17" fmla="*/ 3936 w 43256"/>
                    <a:gd name="connsiteY17" fmla="*/ 1422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4729 w 43256"/>
                    <a:gd name="connsiteY0" fmla="*/ 26036 h 43219"/>
                    <a:gd name="connsiteX1" fmla="*/ 2196 w 43256"/>
                    <a:gd name="connsiteY1" fmla="*/ 25239 h 43219"/>
                    <a:gd name="connsiteX2" fmla="*/ 28863 w 43256"/>
                    <a:gd name="connsiteY2" fmla="*/ 34610 h 43219"/>
                    <a:gd name="connsiteX3" fmla="*/ 28596 w 43256"/>
                    <a:gd name="connsiteY3" fmla="*/ 36519 h 43219"/>
                    <a:gd name="connsiteX4" fmla="*/ 41834 w 43256"/>
                    <a:gd name="connsiteY4" fmla="*/ 15213 h 43219"/>
                    <a:gd name="connsiteX5" fmla="*/ 40386 w 43256"/>
                    <a:gd name="connsiteY5" fmla="*/ 17889 h 43219"/>
                    <a:gd name="connsiteX6" fmla="*/ 38360 w 43256"/>
                    <a:gd name="connsiteY6" fmla="*/ 5285 h 43219"/>
                    <a:gd name="connsiteX7" fmla="*/ 38436 w 43256"/>
                    <a:gd name="connsiteY7" fmla="*/ 6549 h 43219"/>
                    <a:gd name="connsiteX8" fmla="*/ 29114 w 43256"/>
                    <a:gd name="connsiteY8" fmla="*/ 3811 h 43219"/>
                    <a:gd name="connsiteX9" fmla="*/ 29856 w 43256"/>
                    <a:gd name="connsiteY9" fmla="*/ 2199 h 43219"/>
                    <a:gd name="connsiteX10" fmla="*/ 22177 w 43256"/>
                    <a:gd name="connsiteY10" fmla="*/ 4579 h 43219"/>
                    <a:gd name="connsiteX11" fmla="*/ 22536 w 43256"/>
                    <a:gd name="connsiteY11" fmla="*/ 3189 h 43219"/>
                    <a:gd name="connsiteX12" fmla="*/ 14036 w 43256"/>
                    <a:gd name="connsiteY12" fmla="*/ 5051 h 43219"/>
                    <a:gd name="connsiteX13" fmla="*/ 15336 w 43256"/>
                    <a:gd name="connsiteY13" fmla="*/ 6399 h 43219"/>
                    <a:gd name="connsiteX14" fmla="*/ 4163 w 43256"/>
                    <a:gd name="connsiteY14" fmla="*/ 15648 h 43219"/>
                    <a:gd name="connsiteX15" fmla="*/ 3936 w 43256"/>
                    <a:gd name="connsiteY15" fmla="*/ 1422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863 w 43256"/>
                    <a:gd name="connsiteY0" fmla="*/ 34610 h 43219"/>
                    <a:gd name="connsiteX1" fmla="*/ 28596 w 43256"/>
                    <a:gd name="connsiteY1" fmla="*/ 36519 h 43219"/>
                    <a:gd name="connsiteX2" fmla="*/ 41834 w 43256"/>
                    <a:gd name="connsiteY2" fmla="*/ 15213 h 43219"/>
                    <a:gd name="connsiteX3" fmla="*/ 40386 w 43256"/>
                    <a:gd name="connsiteY3" fmla="*/ 17889 h 43219"/>
                    <a:gd name="connsiteX4" fmla="*/ 38360 w 43256"/>
                    <a:gd name="connsiteY4" fmla="*/ 5285 h 43219"/>
                    <a:gd name="connsiteX5" fmla="*/ 38436 w 43256"/>
                    <a:gd name="connsiteY5" fmla="*/ 6549 h 43219"/>
                    <a:gd name="connsiteX6" fmla="*/ 29114 w 43256"/>
                    <a:gd name="connsiteY6" fmla="*/ 3811 h 43219"/>
                    <a:gd name="connsiteX7" fmla="*/ 29856 w 43256"/>
                    <a:gd name="connsiteY7" fmla="*/ 2199 h 43219"/>
                    <a:gd name="connsiteX8" fmla="*/ 22177 w 43256"/>
                    <a:gd name="connsiteY8" fmla="*/ 4579 h 43219"/>
                    <a:gd name="connsiteX9" fmla="*/ 22536 w 43256"/>
                    <a:gd name="connsiteY9" fmla="*/ 3189 h 43219"/>
                    <a:gd name="connsiteX10" fmla="*/ 14036 w 43256"/>
                    <a:gd name="connsiteY10" fmla="*/ 5051 h 43219"/>
                    <a:gd name="connsiteX11" fmla="*/ 15336 w 43256"/>
                    <a:gd name="connsiteY11" fmla="*/ 6399 h 43219"/>
                    <a:gd name="connsiteX12" fmla="*/ 4163 w 43256"/>
                    <a:gd name="connsiteY12" fmla="*/ 15648 h 43219"/>
                    <a:gd name="connsiteX13" fmla="*/ 3936 w 43256"/>
                    <a:gd name="connsiteY13" fmla="*/ 1422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863 w 43256"/>
                    <a:gd name="connsiteY0" fmla="*/ 34610 h 43219"/>
                    <a:gd name="connsiteX1" fmla="*/ 28596 w 43256"/>
                    <a:gd name="connsiteY1" fmla="*/ 36519 h 43219"/>
                    <a:gd name="connsiteX2" fmla="*/ 41834 w 43256"/>
                    <a:gd name="connsiteY2" fmla="*/ 15213 h 43219"/>
                    <a:gd name="connsiteX3" fmla="*/ 40386 w 43256"/>
                    <a:gd name="connsiteY3" fmla="*/ 17889 h 43219"/>
                    <a:gd name="connsiteX4" fmla="*/ 38360 w 43256"/>
                    <a:gd name="connsiteY4" fmla="*/ 5285 h 43219"/>
                    <a:gd name="connsiteX5" fmla="*/ 38436 w 43256"/>
                    <a:gd name="connsiteY5" fmla="*/ 6549 h 43219"/>
                    <a:gd name="connsiteX6" fmla="*/ 29114 w 43256"/>
                    <a:gd name="connsiteY6" fmla="*/ 3811 h 43219"/>
                    <a:gd name="connsiteX7" fmla="*/ 29856 w 43256"/>
                    <a:gd name="connsiteY7" fmla="*/ 2199 h 43219"/>
                    <a:gd name="connsiteX8" fmla="*/ 22177 w 43256"/>
                    <a:gd name="connsiteY8" fmla="*/ 4579 h 43219"/>
                    <a:gd name="connsiteX9" fmla="*/ 22536 w 43256"/>
                    <a:gd name="connsiteY9" fmla="*/ 3189 h 43219"/>
                    <a:gd name="connsiteX10" fmla="*/ 14036 w 43256"/>
                    <a:gd name="connsiteY10" fmla="*/ 5051 h 43219"/>
                    <a:gd name="connsiteX11" fmla="*/ 15336 w 43256"/>
                    <a:gd name="connsiteY11" fmla="*/ 639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863 w 43256"/>
                    <a:gd name="connsiteY0" fmla="*/ 34610 h 43219"/>
                    <a:gd name="connsiteX1" fmla="*/ 28596 w 43256"/>
                    <a:gd name="connsiteY1" fmla="*/ 36519 h 43219"/>
                    <a:gd name="connsiteX2" fmla="*/ 41834 w 43256"/>
                    <a:gd name="connsiteY2" fmla="*/ 15213 h 43219"/>
                    <a:gd name="connsiteX3" fmla="*/ 40386 w 43256"/>
                    <a:gd name="connsiteY3" fmla="*/ 17889 h 43219"/>
                    <a:gd name="connsiteX4" fmla="*/ 38360 w 43256"/>
                    <a:gd name="connsiteY4" fmla="*/ 5285 h 43219"/>
                    <a:gd name="connsiteX5" fmla="*/ 38436 w 43256"/>
                    <a:gd name="connsiteY5" fmla="*/ 6549 h 43219"/>
                    <a:gd name="connsiteX6" fmla="*/ 29114 w 43256"/>
                    <a:gd name="connsiteY6" fmla="*/ 3811 h 43219"/>
                    <a:gd name="connsiteX7" fmla="*/ 29856 w 43256"/>
                    <a:gd name="connsiteY7" fmla="*/ 2199 h 43219"/>
                    <a:gd name="connsiteX8" fmla="*/ 22177 w 43256"/>
                    <a:gd name="connsiteY8" fmla="*/ 4579 h 43219"/>
                    <a:gd name="connsiteX9" fmla="*/ 22536 w 43256"/>
                    <a:gd name="connsiteY9" fmla="*/ 318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863 w 43256"/>
                    <a:gd name="connsiteY0" fmla="*/ 34610 h 43219"/>
                    <a:gd name="connsiteX1" fmla="*/ 28596 w 43256"/>
                    <a:gd name="connsiteY1" fmla="*/ 36519 h 43219"/>
                    <a:gd name="connsiteX2" fmla="*/ 41834 w 43256"/>
                    <a:gd name="connsiteY2" fmla="*/ 15213 h 43219"/>
                    <a:gd name="connsiteX3" fmla="*/ 40386 w 43256"/>
                    <a:gd name="connsiteY3" fmla="*/ 17889 h 43219"/>
                    <a:gd name="connsiteX4" fmla="*/ 38360 w 43256"/>
                    <a:gd name="connsiteY4" fmla="*/ 5285 h 43219"/>
                    <a:gd name="connsiteX5" fmla="*/ 38436 w 43256"/>
                    <a:gd name="connsiteY5" fmla="*/ 6549 h 43219"/>
                    <a:gd name="connsiteX6" fmla="*/ 29114 w 43256"/>
                    <a:gd name="connsiteY6" fmla="*/ 3811 h 43219"/>
                    <a:gd name="connsiteX7" fmla="*/ 29856 w 43256"/>
                    <a:gd name="connsiteY7" fmla="*/ 219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863 w 43256"/>
                    <a:gd name="connsiteY0" fmla="*/ 34610 h 43219"/>
                    <a:gd name="connsiteX1" fmla="*/ 28596 w 43256"/>
                    <a:gd name="connsiteY1" fmla="*/ 36519 h 43219"/>
                    <a:gd name="connsiteX2" fmla="*/ 41834 w 43256"/>
                    <a:gd name="connsiteY2" fmla="*/ 15213 h 43219"/>
                    <a:gd name="connsiteX3" fmla="*/ 40386 w 43256"/>
                    <a:gd name="connsiteY3" fmla="*/ 17889 h 43219"/>
                    <a:gd name="connsiteX4" fmla="*/ 38360 w 43256"/>
                    <a:gd name="connsiteY4" fmla="*/ 5285 h 43219"/>
                    <a:gd name="connsiteX5" fmla="*/ 38436 w 43256"/>
                    <a:gd name="connsiteY5" fmla="*/ 6549 h 43219"/>
                    <a:gd name="connsiteX6" fmla="*/ 29114 w 43256"/>
                    <a:gd name="connsiteY6" fmla="*/ 3811 h 43219"/>
                    <a:gd name="connsiteX7" fmla="*/ 29856 w 43256"/>
                    <a:gd name="connsiteY7" fmla="*/ 219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863 w 43256"/>
                    <a:gd name="connsiteY0" fmla="*/ 34610 h 43219"/>
                    <a:gd name="connsiteX1" fmla="*/ 28596 w 43256"/>
                    <a:gd name="connsiteY1" fmla="*/ 36519 h 43219"/>
                    <a:gd name="connsiteX2" fmla="*/ 41834 w 43256"/>
                    <a:gd name="connsiteY2" fmla="*/ 15213 h 43219"/>
                    <a:gd name="connsiteX3" fmla="*/ 40386 w 43256"/>
                    <a:gd name="connsiteY3" fmla="*/ 17889 h 43219"/>
                    <a:gd name="connsiteX4" fmla="*/ 38360 w 43256"/>
                    <a:gd name="connsiteY4" fmla="*/ 5285 h 43219"/>
                    <a:gd name="connsiteX5" fmla="*/ 38436 w 43256"/>
                    <a:gd name="connsiteY5" fmla="*/ 654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863 w 43256"/>
                    <a:gd name="connsiteY0" fmla="*/ 34610 h 43219"/>
                    <a:gd name="connsiteX1" fmla="*/ 28596 w 43256"/>
                    <a:gd name="connsiteY1" fmla="*/ 36519 h 43219"/>
                    <a:gd name="connsiteX2" fmla="*/ 41834 w 43256"/>
                    <a:gd name="connsiteY2" fmla="*/ 15213 h 43219"/>
                    <a:gd name="connsiteX3" fmla="*/ 40386 w 43256"/>
                    <a:gd name="connsiteY3" fmla="*/ 17889 h 43219"/>
                    <a:gd name="connsiteX4" fmla="*/ 38360 w 43256"/>
                    <a:gd name="connsiteY4" fmla="*/ 5285 h 43219"/>
                    <a:gd name="connsiteX5" fmla="*/ 38436 w 43256"/>
                    <a:gd name="connsiteY5" fmla="*/ 654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863 w 43256"/>
                    <a:gd name="connsiteY0" fmla="*/ 34610 h 43219"/>
                    <a:gd name="connsiteX1" fmla="*/ 28596 w 43256"/>
                    <a:gd name="connsiteY1" fmla="*/ 36519 h 43219"/>
                    <a:gd name="connsiteX2" fmla="*/ 41834 w 43256"/>
                    <a:gd name="connsiteY2" fmla="*/ 15213 h 43219"/>
                    <a:gd name="connsiteX3" fmla="*/ 40386 w 43256"/>
                    <a:gd name="connsiteY3" fmla="*/ 1788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863 w 43256"/>
                    <a:gd name="connsiteY0" fmla="*/ 34610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645 w 43256"/>
                    <a:gd name="connsiteY0" fmla="*/ 34309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734 w 43256"/>
                    <a:gd name="connsiteY0" fmla="*/ 35017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5431 w 43256"/>
                    <a:gd name="connsiteY12" fmla="*/ 35960 h 43219"/>
                    <a:gd name="connsiteX13" fmla="*/ 28591 w 43256"/>
                    <a:gd name="connsiteY13" fmla="*/ 36674 h 43219"/>
                    <a:gd name="connsiteX14" fmla="*/ 23703 w 43256"/>
                    <a:gd name="connsiteY14" fmla="*/ 42965 h 43219"/>
                    <a:gd name="connsiteX15" fmla="*/ 16516 w 43256"/>
                    <a:gd name="connsiteY15" fmla="*/ 39125 h 43219"/>
                    <a:gd name="connsiteX16" fmla="*/ 5840 w 43256"/>
                    <a:gd name="connsiteY16" fmla="*/ 35331 h 43219"/>
                    <a:gd name="connsiteX17" fmla="*/ 1146 w 43256"/>
                    <a:gd name="connsiteY17" fmla="*/ 31109 h 43219"/>
                    <a:gd name="connsiteX18" fmla="*/ 2149 w 43256"/>
                    <a:gd name="connsiteY18" fmla="*/ 25410 h 43219"/>
                    <a:gd name="connsiteX19" fmla="*/ 31 w 43256"/>
                    <a:gd name="connsiteY19" fmla="*/ 19563 h 43219"/>
                    <a:gd name="connsiteX20" fmla="*/ 3899 w 43256"/>
                    <a:gd name="connsiteY20" fmla="*/ 14366 h 43219"/>
                    <a:gd name="connsiteX21" fmla="*/ 3936 w 43256"/>
                    <a:gd name="connsiteY21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8996 w 43256"/>
                    <a:gd name="connsiteY12" fmla="*/ 35250 h 43219"/>
                    <a:gd name="connsiteX13" fmla="*/ 35431 w 43256"/>
                    <a:gd name="connsiteY13" fmla="*/ 35960 h 43219"/>
                    <a:gd name="connsiteX14" fmla="*/ 28591 w 43256"/>
                    <a:gd name="connsiteY14" fmla="*/ 36674 h 43219"/>
                    <a:gd name="connsiteX15" fmla="*/ 23703 w 43256"/>
                    <a:gd name="connsiteY15" fmla="*/ 42965 h 43219"/>
                    <a:gd name="connsiteX16" fmla="*/ 16516 w 43256"/>
                    <a:gd name="connsiteY16" fmla="*/ 39125 h 43219"/>
                    <a:gd name="connsiteX17" fmla="*/ 5840 w 43256"/>
                    <a:gd name="connsiteY17" fmla="*/ 35331 h 43219"/>
                    <a:gd name="connsiteX18" fmla="*/ 1146 w 43256"/>
                    <a:gd name="connsiteY18" fmla="*/ 31109 h 43219"/>
                    <a:gd name="connsiteX19" fmla="*/ 2149 w 43256"/>
                    <a:gd name="connsiteY19" fmla="*/ 25410 h 43219"/>
                    <a:gd name="connsiteX20" fmla="*/ 31 w 43256"/>
                    <a:gd name="connsiteY20" fmla="*/ 19563 h 43219"/>
                    <a:gd name="connsiteX21" fmla="*/ 3899 w 43256"/>
                    <a:gd name="connsiteY21" fmla="*/ 14366 h 43219"/>
                    <a:gd name="connsiteX22" fmla="*/ 3936 w 43256"/>
                    <a:gd name="connsiteY22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8996 w 43256"/>
                    <a:gd name="connsiteY12" fmla="*/ 35250 h 43219"/>
                    <a:gd name="connsiteX13" fmla="*/ 35431 w 43256"/>
                    <a:gd name="connsiteY13" fmla="*/ 35960 h 43219"/>
                    <a:gd name="connsiteX14" fmla="*/ 28591 w 43256"/>
                    <a:gd name="connsiteY14" fmla="*/ 36674 h 43219"/>
                    <a:gd name="connsiteX15" fmla="*/ 23703 w 43256"/>
                    <a:gd name="connsiteY15" fmla="*/ 42965 h 43219"/>
                    <a:gd name="connsiteX16" fmla="*/ 16516 w 43256"/>
                    <a:gd name="connsiteY16" fmla="*/ 39125 h 43219"/>
                    <a:gd name="connsiteX17" fmla="*/ 5840 w 43256"/>
                    <a:gd name="connsiteY17" fmla="*/ 35331 h 43219"/>
                    <a:gd name="connsiteX18" fmla="*/ 1146 w 43256"/>
                    <a:gd name="connsiteY18" fmla="*/ 31109 h 43219"/>
                    <a:gd name="connsiteX19" fmla="*/ 2149 w 43256"/>
                    <a:gd name="connsiteY19" fmla="*/ 25410 h 43219"/>
                    <a:gd name="connsiteX20" fmla="*/ 31 w 43256"/>
                    <a:gd name="connsiteY20" fmla="*/ 19563 h 43219"/>
                    <a:gd name="connsiteX21" fmla="*/ 3899 w 43256"/>
                    <a:gd name="connsiteY21" fmla="*/ 14366 h 43219"/>
                    <a:gd name="connsiteX22" fmla="*/ 3936 w 43256"/>
                    <a:gd name="connsiteY22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431 w 43256"/>
                    <a:gd name="connsiteY14" fmla="*/ 35960 h 43219"/>
                    <a:gd name="connsiteX15" fmla="*/ 28591 w 43256"/>
                    <a:gd name="connsiteY15" fmla="*/ 36674 h 43219"/>
                    <a:gd name="connsiteX16" fmla="*/ 23703 w 43256"/>
                    <a:gd name="connsiteY16" fmla="*/ 42965 h 43219"/>
                    <a:gd name="connsiteX17" fmla="*/ 16516 w 43256"/>
                    <a:gd name="connsiteY17" fmla="*/ 39125 h 43219"/>
                    <a:gd name="connsiteX18" fmla="*/ 5840 w 43256"/>
                    <a:gd name="connsiteY18" fmla="*/ 35331 h 43219"/>
                    <a:gd name="connsiteX19" fmla="*/ 1146 w 43256"/>
                    <a:gd name="connsiteY19" fmla="*/ 31109 h 43219"/>
                    <a:gd name="connsiteX20" fmla="*/ 2149 w 43256"/>
                    <a:gd name="connsiteY20" fmla="*/ 25410 h 43219"/>
                    <a:gd name="connsiteX21" fmla="*/ 31 w 43256"/>
                    <a:gd name="connsiteY21" fmla="*/ 19563 h 43219"/>
                    <a:gd name="connsiteX22" fmla="*/ 3899 w 43256"/>
                    <a:gd name="connsiteY22" fmla="*/ 14366 h 43219"/>
                    <a:gd name="connsiteX23" fmla="*/ 3936 w 43256"/>
                    <a:gd name="connsiteY23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431 w 43256"/>
                    <a:gd name="connsiteY14" fmla="*/ 35960 h 43219"/>
                    <a:gd name="connsiteX15" fmla="*/ 28591 w 43256"/>
                    <a:gd name="connsiteY15" fmla="*/ 36674 h 43219"/>
                    <a:gd name="connsiteX16" fmla="*/ 23703 w 43256"/>
                    <a:gd name="connsiteY16" fmla="*/ 42965 h 43219"/>
                    <a:gd name="connsiteX17" fmla="*/ 16516 w 43256"/>
                    <a:gd name="connsiteY17" fmla="*/ 39125 h 43219"/>
                    <a:gd name="connsiteX18" fmla="*/ 5840 w 43256"/>
                    <a:gd name="connsiteY18" fmla="*/ 35331 h 43219"/>
                    <a:gd name="connsiteX19" fmla="*/ 1146 w 43256"/>
                    <a:gd name="connsiteY19" fmla="*/ 31109 h 43219"/>
                    <a:gd name="connsiteX20" fmla="*/ 2149 w 43256"/>
                    <a:gd name="connsiteY20" fmla="*/ 25410 h 43219"/>
                    <a:gd name="connsiteX21" fmla="*/ 31 w 43256"/>
                    <a:gd name="connsiteY21" fmla="*/ 19563 h 43219"/>
                    <a:gd name="connsiteX22" fmla="*/ 3899 w 43256"/>
                    <a:gd name="connsiteY22" fmla="*/ 14366 h 43219"/>
                    <a:gd name="connsiteX23" fmla="*/ 3936 w 43256"/>
                    <a:gd name="connsiteY23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431 w 43256"/>
                    <a:gd name="connsiteY14" fmla="*/ 35960 h 43219"/>
                    <a:gd name="connsiteX15" fmla="*/ 28591 w 43256"/>
                    <a:gd name="connsiteY15" fmla="*/ 36674 h 43219"/>
                    <a:gd name="connsiteX16" fmla="*/ 23703 w 43256"/>
                    <a:gd name="connsiteY16" fmla="*/ 42965 h 43219"/>
                    <a:gd name="connsiteX17" fmla="*/ 16516 w 43256"/>
                    <a:gd name="connsiteY17" fmla="*/ 39125 h 43219"/>
                    <a:gd name="connsiteX18" fmla="*/ 5840 w 43256"/>
                    <a:gd name="connsiteY18" fmla="*/ 35331 h 43219"/>
                    <a:gd name="connsiteX19" fmla="*/ 1146 w 43256"/>
                    <a:gd name="connsiteY19" fmla="*/ 31109 h 43219"/>
                    <a:gd name="connsiteX20" fmla="*/ 2149 w 43256"/>
                    <a:gd name="connsiteY20" fmla="*/ 25410 h 43219"/>
                    <a:gd name="connsiteX21" fmla="*/ 31 w 43256"/>
                    <a:gd name="connsiteY21" fmla="*/ 19563 h 43219"/>
                    <a:gd name="connsiteX22" fmla="*/ 3899 w 43256"/>
                    <a:gd name="connsiteY22" fmla="*/ 14366 h 43219"/>
                    <a:gd name="connsiteX23" fmla="*/ 3936 w 43256"/>
                    <a:gd name="connsiteY23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431 w 43256"/>
                    <a:gd name="connsiteY14" fmla="*/ 35960 h 43219"/>
                    <a:gd name="connsiteX15" fmla="*/ 28591 w 43256"/>
                    <a:gd name="connsiteY15" fmla="*/ 36674 h 43219"/>
                    <a:gd name="connsiteX16" fmla="*/ 23703 w 43256"/>
                    <a:gd name="connsiteY16" fmla="*/ 42965 h 43219"/>
                    <a:gd name="connsiteX17" fmla="*/ 16516 w 43256"/>
                    <a:gd name="connsiteY17" fmla="*/ 39125 h 43219"/>
                    <a:gd name="connsiteX18" fmla="*/ 5840 w 43256"/>
                    <a:gd name="connsiteY18" fmla="*/ 35331 h 43219"/>
                    <a:gd name="connsiteX19" fmla="*/ 1146 w 43256"/>
                    <a:gd name="connsiteY19" fmla="*/ 31109 h 43219"/>
                    <a:gd name="connsiteX20" fmla="*/ 2149 w 43256"/>
                    <a:gd name="connsiteY20" fmla="*/ 25410 h 43219"/>
                    <a:gd name="connsiteX21" fmla="*/ 31 w 43256"/>
                    <a:gd name="connsiteY21" fmla="*/ 19563 h 43219"/>
                    <a:gd name="connsiteX22" fmla="*/ 3899 w 43256"/>
                    <a:gd name="connsiteY22" fmla="*/ 14366 h 43219"/>
                    <a:gd name="connsiteX23" fmla="*/ 3936 w 43256"/>
                    <a:gd name="connsiteY23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914 w 43256"/>
                    <a:gd name="connsiteY14" fmla="*/ 35252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914 w 43256"/>
                    <a:gd name="connsiteY14" fmla="*/ 35252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914 w 43256"/>
                    <a:gd name="connsiteY14" fmla="*/ 35252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914 w 43256"/>
                    <a:gd name="connsiteY14" fmla="*/ 35252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8996 w 43256"/>
                    <a:gd name="connsiteY13" fmla="*/ 35250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146 w 43256"/>
                    <a:gd name="connsiteY13" fmla="*/ 35318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146 w 43256"/>
                    <a:gd name="connsiteY13" fmla="*/ 35318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12 w 43256"/>
                    <a:gd name="connsiteY13" fmla="*/ 35606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5897 w 43256"/>
                    <a:gd name="connsiteY14" fmla="*/ 34856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6050 w 43256"/>
                    <a:gd name="connsiteY14" fmla="*/ 35003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6050 w 43256"/>
                    <a:gd name="connsiteY14" fmla="*/ 35003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6050 w 43256"/>
                    <a:gd name="connsiteY14" fmla="*/ 35003 h 43219"/>
                    <a:gd name="connsiteX15" fmla="*/ 35431 w 43256"/>
                    <a:gd name="connsiteY15" fmla="*/ 35960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002 w 43256"/>
                    <a:gd name="connsiteY13" fmla="*/ 35369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224 w 43256"/>
                    <a:gd name="connsiteY13" fmla="*/ 35749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224 w 43256"/>
                    <a:gd name="connsiteY13" fmla="*/ 35749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224 w 43256"/>
                    <a:gd name="connsiteY13" fmla="*/ 35749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224 w 43256"/>
                    <a:gd name="connsiteY13" fmla="*/ 35749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224 w 43256"/>
                    <a:gd name="connsiteY13" fmla="*/ 35749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313 w 43256"/>
                    <a:gd name="connsiteY13" fmla="*/ 36007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313 w 43256"/>
                    <a:gd name="connsiteY13" fmla="*/ 36007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  <a:gd name="connsiteX0" fmla="*/ 3936 w 43256"/>
                    <a:gd name="connsiteY0" fmla="*/ 14229 h 43219"/>
                    <a:gd name="connsiteX1" fmla="*/ 5659 w 43256"/>
                    <a:gd name="connsiteY1" fmla="*/ 6766 h 43219"/>
                    <a:gd name="connsiteX2" fmla="*/ 14041 w 43256"/>
                    <a:gd name="connsiteY2" fmla="*/ 5061 h 43219"/>
                    <a:gd name="connsiteX3" fmla="*/ 22492 w 43256"/>
                    <a:gd name="connsiteY3" fmla="*/ 3291 h 43219"/>
                    <a:gd name="connsiteX4" fmla="*/ 25785 w 43256"/>
                    <a:gd name="connsiteY4" fmla="*/ 59 h 43219"/>
                    <a:gd name="connsiteX5" fmla="*/ 29869 w 43256"/>
                    <a:gd name="connsiteY5" fmla="*/ 2340 h 43219"/>
                    <a:gd name="connsiteX6" fmla="*/ 35499 w 43256"/>
                    <a:gd name="connsiteY6" fmla="*/ 549 h 43219"/>
                    <a:gd name="connsiteX7" fmla="*/ 38354 w 43256"/>
                    <a:gd name="connsiteY7" fmla="*/ 5435 h 43219"/>
                    <a:gd name="connsiteX8" fmla="*/ 42018 w 43256"/>
                    <a:gd name="connsiteY8" fmla="*/ 10177 h 43219"/>
                    <a:gd name="connsiteX9" fmla="*/ 41854 w 43256"/>
                    <a:gd name="connsiteY9" fmla="*/ 15319 h 43219"/>
                    <a:gd name="connsiteX10" fmla="*/ 43052 w 43256"/>
                    <a:gd name="connsiteY10" fmla="*/ 23181 h 43219"/>
                    <a:gd name="connsiteX11" fmla="*/ 37440 w 43256"/>
                    <a:gd name="connsiteY11" fmla="*/ 30063 h 43219"/>
                    <a:gd name="connsiteX12" fmla="*/ 37012 w 43256"/>
                    <a:gd name="connsiteY12" fmla="*/ 32109 h 43219"/>
                    <a:gd name="connsiteX13" fmla="*/ 39313 w 43256"/>
                    <a:gd name="connsiteY13" fmla="*/ 36007 h 43219"/>
                    <a:gd name="connsiteX14" fmla="*/ 36050 w 43256"/>
                    <a:gd name="connsiteY14" fmla="*/ 35003 h 43219"/>
                    <a:gd name="connsiteX15" fmla="*/ 35118 w 43256"/>
                    <a:gd name="connsiteY15" fmla="*/ 36183 h 43219"/>
                    <a:gd name="connsiteX16" fmla="*/ 28591 w 43256"/>
                    <a:gd name="connsiteY16" fmla="*/ 36674 h 43219"/>
                    <a:gd name="connsiteX17" fmla="*/ 23703 w 43256"/>
                    <a:gd name="connsiteY17" fmla="*/ 42965 h 43219"/>
                    <a:gd name="connsiteX18" fmla="*/ 16516 w 43256"/>
                    <a:gd name="connsiteY18" fmla="*/ 39125 h 43219"/>
                    <a:gd name="connsiteX19" fmla="*/ 5840 w 43256"/>
                    <a:gd name="connsiteY19" fmla="*/ 35331 h 43219"/>
                    <a:gd name="connsiteX20" fmla="*/ 1146 w 43256"/>
                    <a:gd name="connsiteY20" fmla="*/ 31109 h 43219"/>
                    <a:gd name="connsiteX21" fmla="*/ 2149 w 43256"/>
                    <a:gd name="connsiteY21" fmla="*/ 25410 h 43219"/>
                    <a:gd name="connsiteX22" fmla="*/ 31 w 43256"/>
                    <a:gd name="connsiteY22" fmla="*/ 19563 h 43219"/>
                    <a:gd name="connsiteX23" fmla="*/ 3899 w 43256"/>
                    <a:gd name="connsiteY23" fmla="*/ 14366 h 43219"/>
                    <a:gd name="connsiteX24" fmla="*/ 3936 w 43256"/>
                    <a:gd name="connsiteY24" fmla="*/ 14229 h 43219"/>
                    <a:gd name="connsiteX0" fmla="*/ 28619 w 43256"/>
                    <a:gd name="connsiteY0" fmla="*/ 36455 h 43219"/>
                    <a:gd name="connsiteX1" fmla="*/ 28596 w 43256"/>
                    <a:gd name="connsiteY1" fmla="*/ 36519 h 43219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w="43256" h="43219">
                      <a:moveTo>
                        <a:pt x="3936" y="14229"/>
                      </a:moveTo>
                      <a:cubicBezTo>
                        <a:pt x="3665" y="11516"/>
                        <a:pt x="4297" y="8780"/>
                        <a:pt x="5659" y="6766"/>
                      </a:cubicBezTo>
                      <a:cubicBezTo>
                        <a:pt x="7811" y="3585"/>
                        <a:pt x="11300" y="2876"/>
                        <a:pt x="14041" y="5061"/>
                      </a:cubicBezTo>
                      <a:cubicBezTo>
                        <a:pt x="15714" y="768"/>
                        <a:pt x="19950" y="-119"/>
                        <a:pt x="22492" y="3291"/>
                      </a:cubicBezTo>
                      <a:cubicBezTo>
                        <a:pt x="23133" y="1542"/>
                        <a:pt x="24364" y="333"/>
                        <a:pt x="25785" y="59"/>
                      </a:cubicBezTo>
                      <a:cubicBezTo>
                        <a:pt x="27349" y="-243"/>
                        <a:pt x="28911" y="629"/>
                        <a:pt x="29869" y="2340"/>
                      </a:cubicBezTo>
                      <a:cubicBezTo>
                        <a:pt x="31251" y="126"/>
                        <a:pt x="33537" y="-601"/>
                        <a:pt x="35499" y="549"/>
                      </a:cubicBezTo>
                      <a:cubicBezTo>
                        <a:pt x="36994" y="1425"/>
                        <a:pt x="38066" y="3259"/>
                        <a:pt x="38354" y="5435"/>
                      </a:cubicBezTo>
                      <a:cubicBezTo>
                        <a:pt x="40082" y="6077"/>
                        <a:pt x="41458" y="7857"/>
                        <a:pt x="42018" y="10177"/>
                      </a:cubicBezTo>
                      <a:cubicBezTo>
                        <a:pt x="42425" y="11861"/>
                        <a:pt x="42367" y="13690"/>
                        <a:pt x="41854" y="15319"/>
                      </a:cubicBezTo>
                      <a:cubicBezTo>
                        <a:pt x="43115" y="17553"/>
                        <a:pt x="43556" y="20449"/>
                        <a:pt x="43052" y="23181"/>
                      </a:cubicBezTo>
                      <a:cubicBezTo>
                        <a:pt x="42382" y="26813"/>
                        <a:pt x="40164" y="29533"/>
                        <a:pt x="37440" y="30063"/>
                      </a:cubicBezTo>
                      <a:cubicBezTo>
                        <a:pt x="37480" y="30755"/>
                        <a:pt x="37355" y="31595"/>
                        <a:pt x="37012" y="32109"/>
                      </a:cubicBezTo>
                      <a:cubicBezTo>
                        <a:pt x="37971" y="31489"/>
                        <a:pt x="40489" y="32793"/>
                        <a:pt x="39313" y="36007"/>
                      </a:cubicBezTo>
                      <a:cubicBezTo>
                        <a:pt x="38504" y="38128"/>
                        <a:pt x="35744" y="37404"/>
                        <a:pt x="36050" y="35003"/>
                      </a:cubicBezTo>
                      <a:cubicBezTo>
                        <a:pt x="35764" y="35454"/>
                        <a:pt x="35423" y="35938"/>
                        <a:pt x="35118" y="36183"/>
                      </a:cubicBezTo>
                      <a:cubicBezTo>
                        <a:pt x="34125" y="36981"/>
                        <a:pt x="30740" y="38498"/>
                        <a:pt x="28591" y="36674"/>
                      </a:cubicBezTo>
                      <a:cubicBezTo>
                        <a:pt x="27896" y="39807"/>
                        <a:pt x="26035" y="42202"/>
                        <a:pt x="23703" y="42965"/>
                      </a:cubicBezTo>
                      <a:cubicBezTo>
                        <a:pt x="20955" y="43864"/>
                        <a:pt x="18087" y="42332"/>
                        <a:pt x="16516" y="39125"/>
                      </a:cubicBezTo>
                      <a:cubicBezTo>
                        <a:pt x="12808" y="42169"/>
                        <a:pt x="7992" y="40458"/>
                        <a:pt x="5840" y="35331"/>
                      </a:cubicBezTo>
                      <a:cubicBezTo>
                        <a:pt x="3726" y="35668"/>
                        <a:pt x="1741" y="33883"/>
                        <a:pt x="1146" y="31109"/>
                      </a:cubicBezTo>
                      <a:cubicBezTo>
                        <a:pt x="715" y="29102"/>
                        <a:pt x="1096" y="26936"/>
                        <a:pt x="2149" y="25410"/>
                      </a:cubicBezTo>
                      <a:cubicBezTo>
                        <a:pt x="655" y="24213"/>
                        <a:pt x="-177" y="21916"/>
                        <a:pt x="31" y="19563"/>
                      </a:cubicBezTo>
                      <a:cubicBezTo>
                        <a:pt x="275" y="16808"/>
                        <a:pt x="1881" y="14650"/>
                        <a:pt x="3899" y="14366"/>
                      </a:cubicBezTo>
                      <a:cubicBezTo>
                        <a:pt x="3911" y="14320"/>
                        <a:pt x="3924" y="14275"/>
                        <a:pt x="3936" y="14229"/>
                      </a:cubicBezTo>
                      <a:close/>
                    </a:path>
                    <a:path w="43256" h="43219" fill="none" extrusionOk="0">
                      <a:moveTo>
                        <a:pt x="28619" y="36455"/>
                      </a:moveTo>
                      <a:cubicBezTo>
                        <a:pt x="28580" y="37102"/>
                        <a:pt x="28734" y="35897"/>
                        <a:pt x="28596" y="36519"/>
                      </a:cubicBezTo>
                    </a:path>
                  </a:pathLst>
                </a:custGeom>
                <a:solidFill>
                  <a:srgbClr val="FFFFFF"/>
                </a:solidFill>
                <a:ln w="38100">
                  <a:solidFill>
                    <a:schemeClr val="accent2"/>
                  </a:solidFill>
                  <a:round/>
                </a:ln>
              </p:spPr>
              <p:style>
                <a:lnRef idx="2">
                  <a:schemeClr val="accent4"/>
                </a:lnRef>
                <a:fillRef idx="1">
                  <a:schemeClr val="lt1"/>
                </a:fillRef>
                <a:effectRef idx="0">
                  <a:schemeClr val="accent4"/>
                </a:effectRef>
                <a:fontRef idx="minor">
                  <a:schemeClr val="dk1"/>
                </a:fontRef>
              </p:style>
              <p:txBody>
                <a:bodyPr rtlCol="0" anchor="ctr"/>
                <a:lstStyle/>
                <a:p>
                  <a:pPr algn="ctr"/>
                  <a:endParaRPr lang="ja-JP" altLang="en-US">
                    <a:solidFill>
                      <a:schemeClr val="dk1"/>
                    </a:solidFill>
                  </a:endParaRPr>
                </a:p>
              </p:txBody>
            </p:sp>
            <p:sp>
              <p:nvSpPr>
                <p:cNvPr id="61" name="テキスト ボックス 60"/>
                <p:cNvSpPr txBox="1"/>
                <p:nvPr/>
              </p:nvSpPr>
              <p:spPr>
                <a:xfrm rot="20971954">
                  <a:off x="-195764" y="5005914"/>
                  <a:ext cx="2715942" cy="646331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/>
                  <a:r>
                    <a:rPr lang="ja-JP" altLang="en-US" dirty="0">
                      <a:solidFill>
                        <a:schemeClr val="accent2">
                          <a:lumMod val="75000"/>
                        </a:schemeClr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これはナカちゃんを</a:t>
                  </a:r>
                  <a:endParaRPr lang="en-US" altLang="ja-JP" dirty="0">
                    <a:solidFill>
                      <a:schemeClr val="accent2">
                        <a:lumMod val="75000"/>
                      </a:schemeClr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  <a:p>
                  <a:pPr algn="ctr"/>
                  <a:r>
                    <a:rPr lang="ja-JP" altLang="en-US" dirty="0">
                      <a:solidFill>
                        <a:schemeClr val="accent2">
                          <a:lumMod val="75000"/>
                        </a:schemeClr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きずつけるかな</a:t>
                  </a:r>
                </a:p>
              </p:txBody>
            </p:sp>
          </p:grpSp>
        </p:grpSp>
        <p:pic>
          <p:nvPicPr>
            <p:cNvPr id="3" name="図 2"/>
            <p:cNvPicPr>
              <a:picLocks noChangeAspect="1"/>
            </p:cNvPicPr>
            <p:nvPr/>
          </p:nvPicPr>
          <p:blipFill rotWithShape="1"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0206" t="23226" r="20053"/>
            <a:stretch/>
          </p:blipFill>
          <p:spPr>
            <a:xfrm>
              <a:off x="7234008" y="4462205"/>
              <a:ext cx="1802171" cy="2316046"/>
            </a:xfrm>
            <a:prstGeom prst="rect">
              <a:avLst/>
            </a:prstGeom>
            <a:effectLst/>
          </p:spPr>
        </p:pic>
      </p:grpSp>
      <p:grpSp>
        <p:nvGrpSpPr>
          <p:cNvPr id="33" name="グループ化 32">
            <a:extLst>
              <a:ext uri="{FF2B5EF4-FFF2-40B4-BE49-F238E27FC236}">
                <a16:creationId xmlns:a16="http://schemas.microsoft.com/office/drawing/2014/main" id="{35DF6A5C-D481-B4FB-6431-378C9D51F7B4}"/>
              </a:ext>
            </a:extLst>
          </p:cNvPr>
          <p:cNvGrpSpPr/>
          <p:nvPr/>
        </p:nvGrpSpPr>
        <p:grpSpPr>
          <a:xfrm>
            <a:off x="3924290" y="2389506"/>
            <a:ext cx="3193302" cy="1953018"/>
            <a:chOff x="3924290" y="2389506"/>
            <a:chExt cx="3193302" cy="1953018"/>
          </a:xfrm>
        </p:grpSpPr>
        <p:sp>
          <p:nvSpPr>
            <p:cNvPr id="9" name="テキスト ボックス 8">
              <a:extLst>
                <a:ext uri="{FF2B5EF4-FFF2-40B4-BE49-F238E27FC236}">
                  <a16:creationId xmlns:a16="http://schemas.microsoft.com/office/drawing/2014/main" id="{A4AD80A0-AFAA-252C-252A-6643FEA3AEC3}"/>
                </a:ext>
              </a:extLst>
            </p:cNvPr>
            <p:cNvSpPr txBox="1"/>
            <p:nvPr/>
          </p:nvSpPr>
          <p:spPr>
            <a:xfrm>
              <a:off x="5791004" y="2389506"/>
              <a:ext cx="476643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お</a:t>
              </a:r>
            </a:p>
          </p:txBody>
        </p:sp>
        <p:sp>
          <p:nvSpPr>
            <p:cNvPr id="10" name="テキスト ボックス 9">
              <a:extLst>
                <a:ext uri="{FF2B5EF4-FFF2-40B4-BE49-F238E27FC236}">
                  <a16:creationId xmlns:a16="http://schemas.microsoft.com/office/drawing/2014/main" id="{7F4B1A06-52A6-C4D2-0004-69FC6CD05108}"/>
                </a:ext>
              </a:extLst>
            </p:cNvPr>
            <p:cNvSpPr txBox="1"/>
            <p:nvPr/>
          </p:nvSpPr>
          <p:spPr>
            <a:xfrm>
              <a:off x="4609900" y="2853134"/>
              <a:ext cx="695522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わるぐち</a:t>
              </a:r>
            </a:p>
          </p:txBody>
        </p:sp>
        <p:sp>
          <p:nvSpPr>
            <p:cNvPr id="11" name="テキスト ボックス 10">
              <a:extLst>
                <a:ext uri="{FF2B5EF4-FFF2-40B4-BE49-F238E27FC236}">
                  <a16:creationId xmlns:a16="http://schemas.microsoft.com/office/drawing/2014/main" id="{18360810-D133-306C-293A-05F8EDB3A88C}"/>
                </a:ext>
              </a:extLst>
            </p:cNvPr>
            <p:cNvSpPr txBox="1"/>
            <p:nvPr/>
          </p:nvSpPr>
          <p:spPr>
            <a:xfrm>
              <a:off x="5305422" y="2853134"/>
              <a:ext cx="476643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</a:t>
              </a:r>
            </a:p>
          </p:txBody>
        </p:sp>
        <p:sp>
          <p:nvSpPr>
            <p:cNvPr id="12" name="テキスト ボックス 11">
              <a:extLst>
                <a:ext uri="{FF2B5EF4-FFF2-40B4-BE49-F238E27FC236}">
                  <a16:creationId xmlns:a16="http://schemas.microsoft.com/office/drawing/2014/main" id="{D99A2479-3859-3B53-536C-29E7C1346852}"/>
                </a:ext>
              </a:extLst>
            </p:cNvPr>
            <p:cNvSpPr txBox="1"/>
            <p:nvPr/>
          </p:nvSpPr>
          <p:spPr>
            <a:xfrm>
              <a:off x="6326709" y="3294705"/>
              <a:ext cx="790883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えんじょう</a:t>
              </a:r>
            </a:p>
          </p:txBody>
        </p:sp>
        <p:sp>
          <p:nvSpPr>
            <p:cNvPr id="13" name="テキスト ボックス 12">
              <a:extLst>
                <a:ext uri="{FF2B5EF4-FFF2-40B4-BE49-F238E27FC236}">
                  <a16:creationId xmlns:a16="http://schemas.microsoft.com/office/drawing/2014/main" id="{2908ADC2-64EA-C3F7-94F5-3B5CACC015FC}"/>
                </a:ext>
              </a:extLst>
            </p:cNvPr>
            <p:cNvSpPr txBox="1"/>
            <p:nvPr/>
          </p:nvSpPr>
          <p:spPr>
            <a:xfrm>
              <a:off x="3924290" y="4065525"/>
              <a:ext cx="73513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き　も</a:t>
              </a:r>
            </a:p>
          </p:txBody>
        </p:sp>
        <p:sp>
          <p:nvSpPr>
            <p:cNvPr id="14" name="テキスト ボックス 13">
              <a:extLst>
                <a:ext uri="{FF2B5EF4-FFF2-40B4-BE49-F238E27FC236}">
                  <a16:creationId xmlns:a16="http://schemas.microsoft.com/office/drawing/2014/main" id="{C17F6892-4C3D-342D-5E9F-A0CBA854057F}"/>
                </a:ext>
              </a:extLst>
            </p:cNvPr>
            <p:cNvSpPr txBox="1"/>
            <p:nvPr/>
          </p:nvSpPr>
          <p:spPr>
            <a:xfrm>
              <a:off x="4800170" y="4065525"/>
              <a:ext cx="570671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が</a:t>
              </a:r>
            </a:p>
          </p:txBody>
        </p:sp>
        <p:sp>
          <p:nvSpPr>
            <p:cNvPr id="15" name="テキスト ボックス 14">
              <a:extLst>
                <a:ext uri="{FF2B5EF4-FFF2-40B4-BE49-F238E27FC236}">
                  <a16:creationId xmlns:a16="http://schemas.microsoft.com/office/drawing/2014/main" id="{E42948B4-2F29-A57D-6465-EB03200CDBDA}"/>
                </a:ext>
              </a:extLst>
            </p:cNvPr>
            <p:cNvSpPr txBox="1"/>
            <p:nvPr/>
          </p:nvSpPr>
          <p:spPr>
            <a:xfrm>
              <a:off x="5886450" y="4065525"/>
              <a:ext cx="69145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こうどう</a:t>
              </a:r>
            </a:p>
          </p:txBody>
        </p:sp>
      </p:grpSp>
      <p:grpSp>
        <p:nvGrpSpPr>
          <p:cNvPr id="34" name="グループ化 33">
            <a:extLst>
              <a:ext uri="{FF2B5EF4-FFF2-40B4-BE49-F238E27FC236}">
                <a16:creationId xmlns:a16="http://schemas.microsoft.com/office/drawing/2014/main" id="{88A36C0C-60F3-9778-6AF6-89768EF34767}"/>
              </a:ext>
            </a:extLst>
          </p:cNvPr>
          <p:cNvGrpSpPr/>
          <p:nvPr/>
        </p:nvGrpSpPr>
        <p:grpSpPr>
          <a:xfrm>
            <a:off x="562867" y="4844286"/>
            <a:ext cx="5350278" cy="1653693"/>
            <a:chOff x="562867" y="4844286"/>
            <a:chExt cx="5350278" cy="1653693"/>
          </a:xfrm>
        </p:grpSpPr>
        <p:sp>
          <p:nvSpPr>
            <p:cNvPr id="16" name="テキスト ボックス 15">
              <a:extLst>
                <a:ext uri="{FF2B5EF4-FFF2-40B4-BE49-F238E27FC236}">
                  <a16:creationId xmlns:a16="http://schemas.microsoft.com/office/drawing/2014/main" id="{B4551AE2-214B-82A0-5D46-FA87CEB0A249}"/>
                </a:ext>
              </a:extLst>
            </p:cNvPr>
            <p:cNvSpPr txBox="1"/>
            <p:nvPr/>
          </p:nvSpPr>
          <p:spPr>
            <a:xfrm>
              <a:off x="562867" y="6220980"/>
              <a:ext cx="46330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</a:t>
              </a:r>
            </a:p>
          </p:txBody>
        </p:sp>
        <p:sp>
          <p:nvSpPr>
            <p:cNvPr id="17" name="テキスト ボックス 16">
              <a:extLst>
                <a:ext uri="{FF2B5EF4-FFF2-40B4-BE49-F238E27FC236}">
                  <a16:creationId xmlns:a16="http://schemas.microsoft.com/office/drawing/2014/main" id="{78024D3C-9B95-EBC7-EE3E-F42ADC5D21E4}"/>
                </a:ext>
              </a:extLst>
            </p:cNvPr>
            <p:cNvSpPr txBox="1"/>
            <p:nvPr/>
          </p:nvSpPr>
          <p:spPr>
            <a:xfrm>
              <a:off x="3196721" y="6220980"/>
              <a:ext cx="46330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</a:t>
              </a:r>
            </a:p>
          </p:txBody>
        </p:sp>
        <p:sp>
          <p:nvSpPr>
            <p:cNvPr id="18" name="テキスト ボックス 17">
              <a:extLst>
                <a:ext uri="{FF2B5EF4-FFF2-40B4-BE49-F238E27FC236}">
                  <a16:creationId xmlns:a16="http://schemas.microsoft.com/office/drawing/2014/main" id="{D02F1584-B947-A93C-E8E7-99FB4282E556}"/>
                </a:ext>
              </a:extLst>
            </p:cNvPr>
            <p:cNvSpPr txBox="1"/>
            <p:nvPr/>
          </p:nvSpPr>
          <p:spPr>
            <a:xfrm>
              <a:off x="2505527" y="5769676"/>
              <a:ext cx="46330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</a:t>
              </a:r>
            </a:p>
          </p:txBody>
        </p:sp>
        <p:sp>
          <p:nvSpPr>
            <p:cNvPr id="19" name="テキスト ボックス 18">
              <a:extLst>
                <a:ext uri="{FF2B5EF4-FFF2-40B4-BE49-F238E27FC236}">
                  <a16:creationId xmlns:a16="http://schemas.microsoft.com/office/drawing/2014/main" id="{A8BA89D2-1599-AF3A-AB34-79D82297A68C}"/>
                </a:ext>
              </a:extLst>
            </p:cNvPr>
            <p:cNvSpPr txBox="1"/>
            <p:nvPr/>
          </p:nvSpPr>
          <p:spPr>
            <a:xfrm>
              <a:off x="2238939" y="5289006"/>
              <a:ext cx="46330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つみ</a:t>
              </a:r>
            </a:p>
          </p:txBody>
        </p:sp>
        <p:sp>
          <p:nvSpPr>
            <p:cNvPr id="20" name="テキスト ボックス 19">
              <a:extLst>
                <a:ext uri="{FF2B5EF4-FFF2-40B4-BE49-F238E27FC236}">
                  <a16:creationId xmlns:a16="http://schemas.microsoft.com/office/drawing/2014/main" id="{EB7A9812-63FD-338B-B06E-9E08A3C2661B}"/>
                </a:ext>
              </a:extLst>
            </p:cNvPr>
            <p:cNvSpPr txBox="1"/>
            <p:nvPr/>
          </p:nvSpPr>
          <p:spPr>
            <a:xfrm>
              <a:off x="621021" y="5289006"/>
              <a:ext cx="1104592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めいよ　きそん</a:t>
              </a:r>
            </a:p>
          </p:txBody>
        </p:sp>
        <p:sp>
          <p:nvSpPr>
            <p:cNvPr id="21" name="テキスト ボックス 20">
              <a:extLst>
                <a:ext uri="{FF2B5EF4-FFF2-40B4-BE49-F238E27FC236}">
                  <a16:creationId xmlns:a16="http://schemas.microsoft.com/office/drawing/2014/main" id="{8D645FDD-AFF0-462D-0631-8465DC74172F}"/>
                </a:ext>
              </a:extLst>
            </p:cNvPr>
            <p:cNvSpPr txBox="1"/>
            <p:nvPr/>
          </p:nvSpPr>
          <p:spPr>
            <a:xfrm>
              <a:off x="2457417" y="4844286"/>
              <a:ext cx="46330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わる</a:t>
              </a:r>
            </a:p>
          </p:txBody>
        </p:sp>
        <p:sp>
          <p:nvSpPr>
            <p:cNvPr id="22" name="テキスト ボックス 21">
              <a:extLst>
                <a:ext uri="{FF2B5EF4-FFF2-40B4-BE49-F238E27FC236}">
                  <a16:creationId xmlns:a16="http://schemas.microsoft.com/office/drawing/2014/main" id="{74B9AF38-6A6B-97FB-9CB5-6C58AD3CB310}"/>
                </a:ext>
              </a:extLst>
            </p:cNvPr>
            <p:cNvSpPr txBox="1"/>
            <p:nvPr/>
          </p:nvSpPr>
          <p:spPr>
            <a:xfrm>
              <a:off x="3674266" y="4844286"/>
              <a:ext cx="46330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なが</a:t>
              </a:r>
            </a:p>
          </p:txBody>
        </p:sp>
        <p:sp>
          <p:nvSpPr>
            <p:cNvPr id="23" name="テキスト ボックス 22">
              <a:extLst>
                <a:ext uri="{FF2B5EF4-FFF2-40B4-BE49-F238E27FC236}">
                  <a16:creationId xmlns:a16="http://schemas.microsoft.com/office/drawing/2014/main" id="{244FC57E-A99F-C5E2-B01A-44606375BAA3}"/>
                </a:ext>
              </a:extLst>
            </p:cNvPr>
            <p:cNvSpPr txBox="1"/>
            <p:nvPr/>
          </p:nvSpPr>
          <p:spPr>
            <a:xfrm>
              <a:off x="4762741" y="5769676"/>
              <a:ext cx="46330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け</a:t>
              </a:r>
            </a:p>
          </p:txBody>
        </p:sp>
        <p:sp>
          <p:nvSpPr>
            <p:cNvPr id="24" name="テキスト ボックス 23">
              <a:extLst>
                <a:ext uri="{FF2B5EF4-FFF2-40B4-BE49-F238E27FC236}">
                  <a16:creationId xmlns:a16="http://schemas.microsoft.com/office/drawing/2014/main" id="{E4342ADD-5932-FE30-A0F7-E8FDF0C12062}"/>
                </a:ext>
              </a:extLst>
            </p:cNvPr>
            <p:cNvSpPr txBox="1"/>
            <p:nvPr/>
          </p:nvSpPr>
          <p:spPr>
            <a:xfrm>
              <a:off x="5301340" y="6220980"/>
              <a:ext cx="61180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が</a:t>
              </a:r>
            </a:p>
          </p:txBody>
        </p:sp>
      </p:grpSp>
      <p:grpSp>
        <p:nvGrpSpPr>
          <p:cNvPr id="26" name="グループ化 25">
            <a:extLst>
              <a:ext uri="{FF2B5EF4-FFF2-40B4-BE49-F238E27FC236}">
                <a16:creationId xmlns:a16="http://schemas.microsoft.com/office/drawing/2014/main" id="{0583AFED-9711-0BD7-8CF5-48A6618786F2}"/>
              </a:ext>
            </a:extLst>
          </p:cNvPr>
          <p:cNvGrpSpPr/>
          <p:nvPr/>
        </p:nvGrpSpPr>
        <p:grpSpPr>
          <a:xfrm>
            <a:off x="672641" y="501844"/>
            <a:ext cx="7625858" cy="2143125"/>
            <a:chOff x="672641" y="501844"/>
            <a:chExt cx="7625858" cy="2143125"/>
          </a:xfrm>
        </p:grpSpPr>
        <p:grpSp>
          <p:nvGrpSpPr>
            <p:cNvPr id="27" name="グループ化 26">
              <a:extLst>
                <a:ext uri="{FF2B5EF4-FFF2-40B4-BE49-F238E27FC236}">
                  <a16:creationId xmlns:a16="http://schemas.microsoft.com/office/drawing/2014/main" id="{9ED31F83-EC19-DFDD-A44E-00F353A76551}"/>
                </a:ext>
              </a:extLst>
            </p:cNvPr>
            <p:cNvGrpSpPr/>
            <p:nvPr/>
          </p:nvGrpSpPr>
          <p:grpSpPr>
            <a:xfrm>
              <a:off x="672641" y="501844"/>
              <a:ext cx="7625858" cy="2143125"/>
              <a:chOff x="672641" y="539944"/>
              <a:chExt cx="7625858" cy="2143125"/>
            </a:xfrm>
          </p:grpSpPr>
          <p:pic>
            <p:nvPicPr>
              <p:cNvPr id="29" name="図 28">
                <a:extLst>
                  <a:ext uri="{FF2B5EF4-FFF2-40B4-BE49-F238E27FC236}">
                    <a16:creationId xmlns:a16="http://schemas.microsoft.com/office/drawing/2014/main" id="{D8D1180A-B7E8-C520-4243-50E269E6F764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6146802" y="539944"/>
                <a:ext cx="2151697" cy="2143125"/>
              </a:xfrm>
              <a:prstGeom prst="rect">
                <a:avLst/>
              </a:prstGeom>
            </p:spPr>
          </p:pic>
          <p:grpSp>
            <p:nvGrpSpPr>
              <p:cNvPr id="30" name="グループ化 29">
                <a:extLst>
                  <a:ext uri="{FF2B5EF4-FFF2-40B4-BE49-F238E27FC236}">
                    <a16:creationId xmlns:a16="http://schemas.microsoft.com/office/drawing/2014/main" id="{BDF2DD99-0A45-B3D3-F9FB-987DC9EB064E}"/>
                  </a:ext>
                </a:extLst>
              </p:cNvPr>
              <p:cNvGrpSpPr/>
              <p:nvPr/>
            </p:nvGrpSpPr>
            <p:grpSpPr>
              <a:xfrm>
                <a:off x="672641" y="1103650"/>
                <a:ext cx="5661177" cy="1111992"/>
                <a:chOff x="672641" y="1103650"/>
                <a:chExt cx="5661177" cy="1111992"/>
              </a:xfrm>
            </p:grpSpPr>
            <p:sp>
              <p:nvSpPr>
                <p:cNvPr id="31" name="角丸四角形 28">
                  <a:extLst>
                    <a:ext uri="{FF2B5EF4-FFF2-40B4-BE49-F238E27FC236}">
                      <a16:creationId xmlns:a16="http://schemas.microsoft.com/office/drawing/2014/main" id="{D92EFD2D-292A-6209-3C44-3BC28D8D3964}"/>
                    </a:ext>
                  </a:extLst>
                </p:cNvPr>
                <p:cNvSpPr/>
                <p:nvPr/>
              </p:nvSpPr>
              <p:spPr>
                <a:xfrm>
                  <a:off x="672641" y="1103650"/>
                  <a:ext cx="5661177" cy="1111992"/>
                </a:xfrm>
                <a:custGeom>
                  <a:avLst/>
                  <a:gdLst>
                    <a:gd name="connsiteX0" fmla="*/ 0 w 6516914"/>
                    <a:gd name="connsiteY0" fmla="*/ 555996 h 1111992"/>
                    <a:gd name="connsiteX1" fmla="*/ 555996 w 6516914"/>
                    <a:gd name="connsiteY1" fmla="*/ 0 h 1111992"/>
                    <a:gd name="connsiteX2" fmla="*/ 5960918 w 6516914"/>
                    <a:gd name="connsiteY2" fmla="*/ 0 h 1111992"/>
                    <a:gd name="connsiteX3" fmla="*/ 6516914 w 6516914"/>
                    <a:gd name="connsiteY3" fmla="*/ 555996 h 1111992"/>
                    <a:gd name="connsiteX4" fmla="*/ 6516914 w 6516914"/>
                    <a:gd name="connsiteY4" fmla="*/ 555996 h 1111992"/>
                    <a:gd name="connsiteX5" fmla="*/ 5960918 w 6516914"/>
                    <a:gd name="connsiteY5" fmla="*/ 1111992 h 1111992"/>
                    <a:gd name="connsiteX6" fmla="*/ 555996 w 6516914"/>
                    <a:gd name="connsiteY6" fmla="*/ 1111992 h 1111992"/>
                    <a:gd name="connsiteX7" fmla="*/ 0 w 6516914"/>
                    <a:gd name="connsiteY7" fmla="*/ 555996 h 1111992"/>
                    <a:gd name="connsiteX0" fmla="*/ 0 w 6555491"/>
                    <a:gd name="connsiteY0" fmla="*/ 555996 h 1111992"/>
                    <a:gd name="connsiteX1" fmla="*/ 555996 w 6555491"/>
                    <a:gd name="connsiteY1" fmla="*/ 0 h 1111992"/>
                    <a:gd name="connsiteX2" fmla="*/ 5960918 w 6555491"/>
                    <a:gd name="connsiteY2" fmla="*/ 0 h 1111992"/>
                    <a:gd name="connsiteX3" fmla="*/ 6478814 w 6555491"/>
                    <a:gd name="connsiteY3" fmla="*/ 350218 h 1111992"/>
                    <a:gd name="connsiteX4" fmla="*/ 6516914 w 6555491"/>
                    <a:gd name="connsiteY4" fmla="*/ 555996 h 1111992"/>
                    <a:gd name="connsiteX5" fmla="*/ 6516914 w 6555491"/>
                    <a:gd name="connsiteY5" fmla="*/ 555996 h 1111992"/>
                    <a:gd name="connsiteX6" fmla="*/ 5960918 w 6555491"/>
                    <a:gd name="connsiteY6" fmla="*/ 1111992 h 1111992"/>
                    <a:gd name="connsiteX7" fmla="*/ 555996 w 6555491"/>
                    <a:gd name="connsiteY7" fmla="*/ 1111992 h 1111992"/>
                    <a:gd name="connsiteX8" fmla="*/ 0 w 6555491"/>
                    <a:gd name="connsiteY8" fmla="*/ 555996 h 1111992"/>
                    <a:gd name="connsiteX0" fmla="*/ 0 w 6562480"/>
                    <a:gd name="connsiteY0" fmla="*/ 555996 h 1111992"/>
                    <a:gd name="connsiteX1" fmla="*/ 555996 w 6562480"/>
                    <a:gd name="connsiteY1" fmla="*/ 0 h 1111992"/>
                    <a:gd name="connsiteX2" fmla="*/ 5960918 w 6562480"/>
                    <a:gd name="connsiteY2" fmla="*/ 0 h 1111992"/>
                    <a:gd name="connsiteX3" fmla="*/ 6478814 w 6562480"/>
                    <a:gd name="connsiteY3" fmla="*/ 350218 h 1111992"/>
                    <a:gd name="connsiteX4" fmla="*/ 6516914 w 6562480"/>
                    <a:gd name="connsiteY4" fmla="*/ 555996 h 1111992"/>
                    <a:gd name="connsiteX5" fmla="*/ 6516914 w 6562480"/>
                    <a:gd name="connsiteY5" fmla="*/ 555996 h 1111992"/>
                    <a:gd name="connsiteX6" fmla="*/ 6491514 w 6562480"/>
                    <a:gd name="connsiteY6" fmla="*/ 756618 h 1111992"/>
                    <a:gd name="connsiteX7" fmla="*/ 5960918 w 6562480"/>
                    <a:gd name="connsiteY7" fmla="*/ 1111992 h 1111992"/>
                    <a:gd name="connsiteX8" fmla="*/ 555996 w 6562480"/>
                    <a:gd name="connsiteY8" fmla="*/ 1111992 h 1111992"/>
                    <a:gd name="connsiteX9" fmla="*/ 0 w 6562480"/>
                    <a:gd name="connsiteY9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6516914 w 7063014"/>
                    <a:gd name="connsiteY4" fmla="*/ 555996 h 1111992"/>
                    <a:gd name="connsiteX5" fmla="*/ 7063014 w 7063014"/>
                    <a:gd name="connsiteY5" fmla="*/ 555996 h 1111992"/>
                    <a:gd name="connsiteX6" fmla="*/ 6491514 w 7063014"/>
                    <a:gd name="connsiteY6" fmla="*/ 756618 h 1111992"/>
                    <a:gd name="connsiteX7" fmla="*/ 5960918 w 7063014"/>
                    <a:gd name="connsiteY7" fmla="*/ 1111992 h 1111992"/>
                    <a:gd name="connsiteX8" fmla="*/ 555996 w 7063014"/>
                    <a:gd name="connsiteY8" fmla="*/ 1111992 h 1111992"/>
                    <a:gd name="connsiteX9" fmla="*/ 0 w 7063014"/>
                    <a:gd name="connsiteY9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7566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  <a:cxn ang="0">
                      <a:pos x="connsiteX6" y="connsiteY6"/>
                    </a:cxn>
                    <a:cxn ang="0">
                      <a:pos x="connsiteX7" y="connsiteY7"/>
                    </a:cxn>
                    <a:cxn ang="0">
                      <a:pos x="connsiteX8" y="connsiteY8"/>
                    </a:cxn>
                  </a:cxnLst>
                  <a:rect l="l" t="t" r="r" b="b"/>
                  <a:pathLst>
                    <a:path w="7063014" h="1111992">
                      <a:moveTo>
                        <a:pt x="0" y="555996"/>
                      </a:moveTo>
                      <a:cubicBezTo>
                        <a:pt x="0" y="248928"/>
                        <a:pt x="248928" y="0"/>
                        <a:pt x="555996" y="0"/>
                      </a:cubicBezTo>
                      <a:lnTo>
                        <a:pt x="5960918" y="0"/>
                      </a:lnTo>
                      <a:cubicBezTo>
                        <a:pt x="6509904" y="58370"/>
                        <a:pt x="6434832" y="314702"/>
                        <a:pt x="6491514" y="407368"/>
                      </a:cubicBezTo>
                      <a:cubicBezTo>
                        <a:pt x="6675196" y="500034"/>
                        <a:pt x="6825947" y="558113"/>
                        <a:pt x="7063014" y="555996"/>
                      </a:cubicBezTo>
                      <a:cubicBezTo>
                        <a:pt x="6855581" y="725329"/>
                        <a:pt x="6622280" y="714752"/>
                        <a:pt x="6491514" y="693118"/>
                      </a:cubicBezTo>
                      <a:cubicBezTo>
                        <a:pt x="6544898" y="849284"/>
                        <a:pt x="6385021" y="1078163"/>
                        <a:pt x="5960918" y="1111992"/>
                      </a:cubicBezTo>
                      <a:lnTo>
                        <a:pt x="555996" y="1111992"/>
                      </a:lnTo>
                      <a:cubicBezTo>
                        <a:pt x="248928" y="1111992"/>
                        <a:pt x="0" y="863064"/>
                        <a:pt x="0" y="555996"/>
                      </a:cubicBezTo>
                      <a:close/>
                    </a:path>
                  </a:pathLst>
                </a:custGeom>
                <a:ln w="38100"/>
              </p:spPr>
              <p:style>
                <a:lnRef idx="2">
                  <a:schemeClr val="accent6"/>
                </a:lnRef>
                <a:fillRef idx="1">
                  <a:schemeClr val="lt1"/>
                </a:fillRef>
                <a:effectRef idx="0">
                  <a:schemeClr val="accent6"/>
                </a:effectRef>
                <a:fontRef idx="minor">
                  <a:schemeClr val="dk1"/>
                </a:fontRef>
              </p:style>
              <p:txBody>
                <a:bodyPr rtlCol="0" anchor="ctr"/>
                <a:lstStyle/>
                <a:p>
                  <a:pPr algn="ctr"/>
                  <a:endParaRPr kumimoji="1" lang="ja-JP" altLang="en-US">
                    <a:solidFill>
                      <a:schemeClr val="accent6"/>
                    </a:solidFill>
                  </a:endParaRPr>
                </a:p>
              </p:txBody>
            </p:sp>
            <p:sp>
              <p:nvSpPr>
                <p:cNvPr id="32" name="テキスト ボックス 31">
                  <a:extLst>
                    <a:ext uri="{FF2B5EF4-FFF2-40B4-BE49-F238E27FC236}">
                      <a16:creationId xmlns:a16="http://schemas.microsoft.com/office/drawing/2014/main" id="{D4D5354F-2E74-93EA-EEDF-ED56E499C593}"/>
                    </a:ext>
                  </a:extLst>
                </p:cNvPr>
                <p:cNvSpPr txBox="1"/>
                <p:nvPr/>
              </p:nvSpPr>
              <p:spPr>
                <a:xfrm>
                  <a:off x="672641" y="1224321"/>
                  <a:ext cx="5213809" cy="98488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>
                    <a:spcAft>
                      <a:spcPts val="1200"/>
                    </a:spcAft>
                  </a:pPr>
                  <a:r>
                    <a:rPr kumimoji="1"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なにがいけなかったのか</a:t>
                  </a:r>
                  <a:endParaRPr kumimoji="1" lang="en-US" altLang="ja-JP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  <a:p>
                  <a:pPr algn="ctr">
                    <a:spcAft>
                      <a:spcPts val="1200"/>
                    </a:spcAft>
                  </a:pPr>
                  <a:r>
                    <a:rPr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いっしょに考えてみよう！</a:t>
                  </a:r>
                  <a:endParaRPr kumimoji="1" lang="ja-JP" altLang="en-US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</p:txBody>
            </p:sp>
          </p:grpSp>
        </p:grpSp>
        <p:sp>
          <p:nvSpPr>
            <p:cNvPr id="28" name="テキスト ボックス 27">
              <a:extLst>
                <a:ext uri="{FF2B5EF4-FFF2-40B4-BE49-F238E27FC236}">
                  <a16:creationId xmlns:a16="http://schemas.microsoft.com/office/drawing/2014/main" id="{55409AC5-E648-A70B-802E-29BF1EDDA129}"/>
                </a:ext>
              </a:extLst>
            </p:cNvPr>
            <p:cNvSpPr txBox="1"/>
            <p:nvPr/>
          </p:nvSpPr>
          <p:spPr>
            <a:xfrm>
              <a:off x="2841934" y="1525250"/>
              <a:ext cx="59182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62983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が</a:t>
              </a:r>
            </a:p>
          </p:txBody>
        </p:sp>
      </p:grpSp>
      <p:sp>
        <p:nvSpPr>
          <p:cNvPr id="35" name="テキスト ボックス 34">
            <a:extLst>
              <a:ext uri="{FF2B5EF4-FFF2-40B4-BE49-F238E27FC236}">
                <a16:creationId xmlns:a16="http://schemas.microsoft.com/office/drawing/2014/main" id="{C90591F8-5290-77CF-C15A-B51C3C99B226}"/>
              </a:ext>
            </a:extLst>
          </p:cNvPr>
          <p:cNvSpPr txBox="1"/>
          <p:nvPr/>
        </p:nvSpPr>
        <p:spPr>
          <a:xfrm>
            <a:off x="266915" y="24422"/>
            <a:ext cx="106277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る　ぐち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05061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500"/>
                            </p:stCondLst>
                            <p:childTnLst>
                              <p:par>
                                <p:cTn id="18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2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角丸四角形 22"/>
          <p:cNvSpPr/>
          <p:nvPr/>
        </p:nvSpPr>
        <p:spPr>
          <a:xfrm>
            <a:off x="147638" y="590550"/>
            <a:ext cx="8848725" cy="2711759"/>
          </a:xfrm>
          <a:prstGeom prst="roundRect">
            <a:avLst/>
          </a:prstGeom>
          <a:solidFill>
            <a:schemeClr val="bg1"/>
          </a:solidFill>
          <a:ln w="57150" cap="rnd" cmpd="thickThin">
            <a:noFill/>
            <a:prstDash val="dashDot"/>
            <a:round/>
          </a:ln>
          <a:effectLst>
            <a:softEdge rad="317500"/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grpSp>
        <p:nvGrpSpPr>
          <p:cNvPr id="24" name="グループ化 23"/>
          <p:cNvGrpSpPr/>
          <p:nvPr/>
        </p:nvGrpSpPr>
        <p:grpSpPr>
          <a:xfrm rot="892338">
            <a:off x="4953459" y="2569019"/>
            <a:ext cx="4286084" cy="2240620"/>
            <a:chOff x="-300714" y="3991848"/>
            <a:chExt cx="4286084" cy="2240620"/>
          </a:xfrm>
        </p:grpSpPr>
        <p:sp>
          <p:nvSpPr>
            <p:cNvPr id="25" name="雲 31"/>
            <p:cNvSpPr/>
            <p:nvPr/>
          </p:nvSpPr>
          <p:spPr>
            <a:xfrm rot="197991">
              <a:off x="199530" y="3991848"/>
              <a:ext cx="3424674" cy="2240620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27" y="32330"/>
                    <a:pt x="36694" y="34480"/>
                    <a:pt x="35431" y="35960"/>
                  </a:cubicBezTo>
                  <a:cubicBezTo>
                    <a:pt x="33512" y="38209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ln/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>
                <a:solidFill>
                  <a:schemeClr val="dk1"/>
                </a:solidFill>
              </a:endParaRPr>
            </a:p>
          </p:txBody>
        </p:sp>
        <p:sp>
          <p:nvSpPr>
            <p:cNvPr id="28" name="正方形/長方形 27"/>
            <p:cNvSpPr/>
            <p:nvPr/>
          </p:nvSpPr>
          <p:spPr>
            <a:xfrm rot="21098764">
              <a:off x="-300714" y="4517375"/>
              <a:ext cx="4286084" cy="1231106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lvl="0" algn="ctr">
                <a:spcAft>
                  <a:spcPts val="1200"/>
                </a:spcAft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　書いてよいことか</a:t>
              </a:r>
              <a:endParaRPr kumimoji="0" lang="en-US" altLang="ja-JP" sz="3200" kern="0" dirty="0">
                <a:solidFill>
                  <a:prstClr val="white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 lvl="0" algn="ctr">
                <a:spcAft>
                  <a:spcPts val="1200"/>
                </a:spcAft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　よく考えよう！</a:t>
              </a:r>
            </a:p>
          </p:txBody>
        </p:sp>
      </p:grpSp>
      <p:sp>
        <p:nvSpPr>
          <p:cNvPr id="31" name="テキスト ボックス 30"/>
          <p:cNvSpPr txBox="1"/>
          <p:nvPr/>
        </p:nvSpPr>
        <p:spPr>
          <a:xfrm>
            <a:off x="683053" y="1110152"/>
            <a:ext cx="7886699" cy="187743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悪口やかげ口がいけないということは、インターネット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だからといって変わることではありません。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したらダメなこと、してもいいことは、どの世界でも</a:t>
            </a:r>
            <a:br>
              <a:rPr lang="en-US" altLang="ja-JP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</a:b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おなじことなのです。</a:t>
            </a:r>
          </a:p>
        </p:txBody>
      </p:sp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6. </a:t>
            </a:r>
            <a:r>
              <a:rPr lang="ja-JP" altLang="en-US" dirty="0"/>
              <a:t>悪口を書かない</a:t>
            </a:r>
          </a:p>
        </p:txBody>
      </p:sp>
      <p:pic>
        <p:nvPicPr>
          <p:cNvPr id="27" name="図 26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344154" y="2792619"/>
            <a:ext cx="4163055" cy="4163055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29" name="図 28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617" t="21893" r="18263"/>
          <a:stretch/>
        </p:blipFill>
        <p:spPr>
          <a:xfrm>
            <a:off x="1905000" y="2730500"/>
            <a:ext cx="2819400" cy="422517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3074" name="Picture 2" descr="D:\_プロジェクト\201512_徳島市教育研究所\07_illustration\ICTすだちくん04.pn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17848" y="4611311"/>
            <a:ext cx="1818799" cy="228933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DE449858-D69D-29E2-BF7E-17D87EAFAF06}"/>
              </a:ext>
            </a:extLst>
          </p:cNvPr>
          <p:cNvSpPr txBox="1"/>
          <p:nvPr/>
        </p:nvSpPr>
        <p:spPr>
          <a:xfrm>
            <a:off x="613204" y="916128"/>
            <a:ext cx="94635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る　ぐち</a:t>
            </a:r>
          </a:p>
        </p:txBody>
      </p: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8070CCEF-A5D2-1EEC-835D-6F4C63EBAD3A}"/>
              </a:ext>
            </a:extLst>
          </p:cNvPr>
          <p:cNvSpPr txBox="1"/>
          <p:nvPr/>
        </p:nvSpPr>
        <p:spPr>
          <a:xfrm>
            <a:off x="6838488" y="1965091"/>
            <a:ext cx="64816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せかい</a:t>
            </a:r>
          </a:p>
        </p:txBody>
      </p:sp>
      <p:grpSp>
        <p:nvGrpSpPr>
          <p:cNvPr id="10" name="グループ化 9">
            <a:extLst>
              <a:ext uri="{FF2B5EF4-FFF2-40B4-BE49-F238E27FC236}">
                <a16:creationId xmlns:a16="http://schemas.microsoft.com/office/drawing/2014/main" id="{C6CA31FC-3D0E-F9C5-06DC-C732CE0FD6CA}"/>
              </a:ext>
            </a:extLst>
          </p:cNvPr>
          <p:cNvGrpSpPr/>
          <p:nvPr/>
        </p:nvGrpSpPr>
        <p:grpSpPr>
          <a:xfrm>
            <a:off x="5961073" y="2869663"/>
            <a:ext cx="1217467" cy="983799"/>
            <a:chOff x="5961073" y="2869663"/>
            <a:chExt cx="1217467" cy="983799"/>
          </a:xfrm>
        </p:grpSpPr>
        <p:sp>
          <p:nvSpPr>
            <p:cNvPr id="5" name="テキスト ボックス 4">
              <a:extLst>
                <a:ext uri="{FF2B5EF4-FFF2-40B4-BE49-F238E27FC236}">
                  <a16:creationId xmlns:a16="http://schemas.microsoft.com/office/drawing/2014/main" id="{B03BC6D6-C534-CECD-6509-815D8D06C291}"/>
                </a:ext>
              </a:extLst>
            </p:cNvPr>
            <p:cNvSpPr txBox="1"/>
            <p:nvPr/>
          </p:nvSpPr>
          <p:spPr>
            <a:xfrm rot="420000">
              <a:off x="5961073" y="2869663"/>
              <a:ext cx="57779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</a:t>
              </a:r>
            </a:p>
          </p:txBody>
        </p:sp>
        <p:sp>
          <p:nvSpPr>
            <p:cNvPr id="6" name="テキスト ボックス 5">
              <a:extLst>
                <a:ext uri="{FF2B5EF4-FFF2-40B4-BE49-F238E27FC236}">
                  <a16:creationId xmlns:a16="http://schemas.microsoft.com/office/drawing/2014/main" id="{732E0E42-4D26-6329-518C-6C4CF2C10A28}"/>
                </a:ext>
              </a:extLst>
            </p:cNvPr>
            <p:cNvSpPr txBox="1"/>
            <p:nvPr/>
          </p:nvSpPr>
          <p:spPr>
            <a:xfrm rot="420000">
              <a:off x="6532319" y="3576463"/>
              <a:ext cx="646221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が</a:t>
              </a:r>
            </a:p>
          </p:txBody>
        </p:sp>
      </p:grp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EA33182D-2C7D-055F-D82A-15D7F83BD96A}"/>
              </a:ext>
            </a:extLst>
          </p:cNvPr>
          <p:cNvSpPr txBox="1"/>
          <p:nvPr/>
        </p:nvSpPr>
        <p:spPr>
          <a:xfrm>
            <a:off x="2699179" y="1450391"/>
            <a:ext cx="76474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357C0A4B-4A3E-9893-F0C3-892E8C896D56}"/>
              </a:ext>
            </a:extLst>
          </p:cNvPr>
          <p:cNvSpPr txBox="1"/>
          <p:nvPr/>
        </p:nvSpPr>
        <p:spPr>
          <a:xfrm>
            <a:off x="2236792" y="916128"/>
            <a:ext cx="42544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ぐち</a:t>
            </a:r>
          </a:p>
        </p:txBody>
      </p:sp>
      <p:sp>
        <p:nvSpPr>
          <p:cNvPr id="11" name="テキスト ボックス 10">
            <a:extLst>
              <a:ext uri="{FF2B5EF4-FFF2-40B4-BE49-F238E27FC236}">
                <a16:creationId xmlns:a16="http://schemas.microsoft.com/office/drawing/2014/main" id="{9BCFF41A-A95A-7AE7-E95C-24240AF1BA6F}"/>
              </a:ext>
            </a:extLst>
          </p:cNvPr>
          <p:cNvSpPr txBox="1"/>
          <p:nvPr/>
        </p:nvSpPr>
        <p:spPr>
          <a:xfrm>
            <a:off x="266915" y="24422"/>
            <a:ext cx="106277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る　ぐち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307540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10"/>
  <p:tag name="ISPRING_UUID" val="{A354DAC5-3A7E-4947-97A7-257F7A97C0D8}"/>
  <p:tag name="ISPRING_RESOURCE_FOLDER" val="D:\ryuno\_徳島\コンテンツ制作\情報モラル教育絵コンテ160226\"/>
  <p:tag name="ISPRING_PRESENTATION_PATH" val="D:\ryuno\_徳島\コンテンツ制作\情報モラル教育絵コンテ160226.pptx"/>
  <p:tag name="ISPRING_PROJECT_FOLDER_UPDATED" val="1"/>
  <p:tag name="ISPRING_SCREEN_RECS_UPDATED" val="D:\ryuno\_徳島\コンテンツ制作\情報モラル教育絵コンテ160226\"/>
  <p:tag name="MMPROD_UIDATA" val="&lt;database version=&quot;11.0&quot;&gt;&lt;object type=&quot;1&quot; unique_id=&quot;10001&quot;&gt;&lt;object type=&quot;2&quot; unique_id=&quot;215453&quot;&gt;&lt;object type=&quot;3&quot; unique_id=&quot;215982&quot;&gt;&lt;property id=&quot;20148&quot; value=&quot;5&quot;/&gt;&lt;property id=&quot;20300&quot; value=&quot;スライド 45 - &amp;quot;8. ネットゲームのやり過ぎはダメ！（有料アイテム）&amp;quot;&quot;/&gt;&lt;property id=&quot;20307&quot; value=&quot;272&quot;/&gt;&lt;/object&gt;&lt;object type=&quot;3&quot; unique_id=&quot;216200&quot;&gt;&lt;property id=&quot;20148&quot; value=&quot;5&quot;/&gt;&lt;property id=&quot;20300&quot; value=&quot;スライド 41 - &amp;quot;8. ネットゲームのやり過ぎはダメ！（有料アイテム）&amp;quot;&quot;/&gt;&lt;property id=&quot;20307&quot; value=&quot;274&quot;/&gt;&lt;/object&gt;&lt;object type=&quot;3&quot; unique_id=&quot;216202&quot;&gt;&lt;property id=&quot;20148&quot; value=&quot;5&quot;/&gt;&lt;property id=&quot;20300&quot; value=&quot;スライド 44 - &amp;quot;8. ネットゲームのやり過ぎはダメ！（有料アイテム）&amp;quot;&quot;/&gt;&lt;property id=&quot;20307&quot; value=&quot;276&quot;/&gt;&lt;/object&gt;&lt;object type=&quot;3&quot; unique_id=&quot;216203&quot;&gt;&lt;property id=&quot;20148&quot; value=&quot;5&quot;/&gt;&lt;property id=&quot;20300&quot; value=&quot;スライド 46 - &amp;quot;8. ネットゲームのやり過ぎはダメ！（有料アイテム）&amp;quot;&quot;/&gt;&lt;property id=&quot;20307&quot; value=&quot;277&quot;/&gt;&lt;/object&gt;&lt;object type=&quot;3&quot; unique_id=&quot;216233&quot;&gt;&lt;property id=&quot;20148&quot; value=&quot;5&quot;/&gt;&lt;property id=&quot;20300&quot; value=&quot;スライド 42 - &amp;quot;8. ネットゲームのやり過ぎはダメ！（有料アイテム）&amp;quot;&quot;/&gt;&lt;property id=&quot;20307&quot; value=&quot;279&quot;/&gt;&lt;/object&gt;&lt;object type=&quot;3&quot; unique_id=&quot;216234&quot;&gt;&lt;property id=&quot;20148&quot; value=&quot;5&quot;/&gt;&lt;property id=&quot;20300&quot; value=&quot;スライド 43 - &amp;quot;8. ネットゲームのやり過ぎはダメ！（有料アイテム）&amp;quot;&quot;/&gt;&lt;property id=&quot;20307&quot; value=&quot;278&quot;/&gt;&lt;/object&gt;&lt;object type=&quot;3&quot; unique_id=&quot;217394&quot;&gt;&lt;property id=&quot;20148&quot; value=&quot;5&quot;/&gt;&lt;property id=&quot;20300&quot; value=&quot;スライド 35 - &amp;quot;7. インターネットを使うときのルール&amp;quot;&quot;/&gt;&lt;property id=&quot;20307&quot; value=&quot;280&quot;/&gt;&lt;/object&gt;&lt;object type=&quot;3&quot; unique_id=&quot;217395&quot;&gt;&lt;property id=&quot;20148&quot; value=&quot;5&quot;/&gt;&lt;property id=&quot;20300&quot; value=&quot;スライド 36 - &amp;quot;7. インターネットを使うときのルール&amp;quot;&quot;/&gt;&lt;property id=&quot;20307&quot; value=&quot;281&quot;/&gt;&lt;/object&gt;&lt;object type=&quot;3&quot; unique_id=&quot;217396&quot;&gt;&lt;property id=&quot;20148&quot; value=&quot;5&quot;/&gt;&lt;property id=&quot;20300&quot; value=&quot;スライド 37 - &amp;quot;7. インターネットを使うときのルール&amp;quot;&quot;/&gt;&lt;property id=&quot;20307&quot; value=&quot;282&quot;/&gt;&lt;/object&gt;&lt;object type=&quot;3&quot; unique_id=&quot;217452&quot;&gt;&lt;property id=&quot;20148&quot; value=&quot;5&quot;/&gt;&lt;property id=&quot;20300&quot; value=&quot;スライド 38 - &amp;quot;7. インターネットを使うときのルール&amp;quot;&quot;/&gt;&lt;property id=&quot;20307&quot; value=&quot;283&quot;/&gt;&lt;/object&gt;&lt;object type=&quot;3&quot; unique_id=&quot;217453&quot;&gt;&lt;property id=&quot;20148&quot; value=&quot;5&quot;/&gt;&lt;property id=&quot;20300&quot; value=&quot;スライド 39 - &amp;quot;7. インターネットを使うときのルール&amp;quot;&quot;/&gt;&lt;property id=&quot;20307&quot; value=&quot;284&quot;/&gt;&lt;/object&gt;&lt;object type=&quot;3&quot; unique_id=&quot;217506&quot;&gt;&lt;property id=&quot;20148&quot; value=&quot;5&quot;/&gt;&lt;property id=&quot;20300&quot; value=&quot;スライド 29 - &amp;quot;6. 悪口を書かない&amp;quot;&quot;/&gt;&lt;property id=&quot;20307&quot; value=&quot;285&quot;/&gt;&lt;/object&gt;&lt;object type=&quot;3&quot; unique_id=&quot;217507&quot;&gt;&lt;property id=&quot;20148&quot; value=&quot;5&quot;/&gt;&lt;property id=&quot;20300&quot; value=&quot;スライド 30 - &amp;quot;6. 悪口を書かない&amp;quot;&quot;/&gt;&lt;property id=&quot;20307&quot; value=&quot;286&quot;/&gt;&lt;/object&gt;&lt;object type=&quot;3&quot; unique_id=&quot;217667&quot;&gt;&lt;property id=&quot;20148&quot; value=&quot;5&quot;/&gt;&lt;property id=&quot;20300&quot; value=&quot;スライド 31 - &amp;quot;6. 悪口を書かない&amp;quot;&quot;/&gt;&lt;property id=&quot;20307&quot; value=&quot;288&quot;/&gt;&lt;/object&gt;&lt;object type=&quot;3&quot; unique_id=&quot;217668&quot;&gt;&lt;property id=&quot;20148&quot; value=&quot;5&quot;/&gt;&lt;property id=&quot;20300&quot; value=&quot;スライド 32 - &amp;quot;6. 悪口を書かない&amp;quot;&quot;/&gt;&lt;property id=&quot;20307&quot; value=&quot;289&quot;/&gt;&lt;/object&gt;&lt;object type=&quot;3&quot; unique_id=&quot;217669&quot;&gt;&lt;property id=&quot;20148&quot; value=&quot;5&quot;/&gt;&lt;property id=&quot;20300&quot; value=&quot;スライド 33 - &amp;quot;6. 悪口を書かない&amp;quot;&quot;/&gt;&lt;property id=&quot;20307&quot; value=&quot;290&quot;/&gt;&lt;/object&gt;&lt;object type=&quot;3&quot; unique_id=&quot;217671&quot;&gt;&lt;property id=&quot;20148&quot; value=&quot;5&quot;/&gt;&lt;property id=&quot;20300&quot; value=&quot;スライド 24 - &amp;quot;5. パスワード管理&amp;quot;&quot;/&gt;&lt;property id=&quot;20307&quot; value=&quot;291&quot;/&gt;&lt;/object&gt;&lt;object type=&quot;3&quot; unique_id=&quot;224503&quot;&gt;&lt;property id=&quot;20148&quot; value=&quot;5&quot;/&gt;&lt;property id=&quot;20300&quot; value=&quot;スライド 25 - &amp;quot;5. パスワード管理&amp;quot;&quot;/&gt;&lt;property id=&quot;20307&quot; value=&quot;292&quot;/&gt;&lt;/object&gt;&lt;object type=&quot;3&quot; unique_id=&quot;224731&quot;&gt;&lt;property id=&quot;20148&quot; value=&quot;5&quot;/&gt;&lt;property id=&quot;20300&quot; value=&quot;スライド 26 - &amp;quot;5. パスワード管理&amp;quot;&quot;/&gt;&lt;property id=&quot;20307&quot; value=&quot;294&quot;/&gt;&lt;/object&gt;&lt;object type=&quot;3&quot; unique_id=&quot;224732&quot;&gt;&lt;property id=&quot;20148&quot; value=&quot;5&quot;/&gt;&lt;property id=&quot;20300&quot; value=&quot;スライド 27 - &amp;quot;5. パスワード管理&amp;quot;&quot;/&gt;&lt;property id=&quot;20307&quot; value=&quot;295&quot;/&gt;&lt;/object&gt;&lt;object type=&quot;3&quot; unique_id=&quot;225310&quot;&gt;&lt;property id=&quot;20148&quot; value=&quot;5&quot;/&gt;&lt;property id=&quot;20300&quot; value=&quot;スライド 3 - &amp;quot;1. インターネットの情報は正しいの？&amp;quot;&quot;/&gt;&lt;property id=&quot;20307&quot; value=&quot;296&quot;/&gt;&lt;/object&gt;&lt;object type=&quot;3&quot; unique_id=&quot;225311&quot;&gt;&lt;property id=&quot;20148&quot; value=&quot;5&quot;/&gt;&lt;property id=&quot;20300&quot; value=&quot;スライド 4 - &amp;quot;1. インターネットの情報は正しいの？&amp;quot;&quot;/&gt;&lt;property id=&quot;20307&quot; value=&quot;297&quot;/&gt;&lt;/object&gt;&lt;object type=&quot;3&quot; unique_id=&quot;225312&quot;&gt;&lt;property id=&quot;20148&quot; value=&quot;5&quot;/&gt;&lt;property id=&quot;20300&quot; value=&quot;スライド 5 - &amp;quot;1. インターネットの情報は正しいの？&amp;quot;&quot;/&gt;&lt;property id=&quot;20307&quot; value=&quot;298&quot;/&gt;&lt;/object&gt;&lt;object type=&quot;3&quot; unique_id=&quot;225313&quot;&gt;&lt;property id=&quot;20148&quot; value=&quot;5&quot;/&gt;&lt;property id=&quot;20300&quot; value=&quot;スライド 6 - &amp;quot;1. インターネットの情報は正しいの？&amp;quot;&quot;/&gt;&lt;property id=&quot;20307&quot; value=&quot;299&quot;/&gt;&lt;/object&gt;&lt;object type=&quot;3&quot; unique_id=&quot;225314&quot;&gt;&lt;property id=&quot;20148&quot; value=&quot;5&quot;/&gt;&lt;property id=&quot;20300&quot; value=&quot;スライド 8 - &amp;quot;2. ネットのイラストはだれのもの？&amp;quot;&quot;/&gt;&lt;property id=&quot;20307&quot; value=&quot;300&quot;/&gt;&lt;/object&gt;&lt;object type=&quot;3&quot; unique_id=&quot;225315&quot;&gt;&lt;property id=&quot;20148&quot; value=&quot;5&quot;/&gt;&lt;property id=&quot;20300&quot; value=&quot;スライド 9 - &amp;quot;2. ネットのイラストはだれのもの？&amp;quot;&quot;/&gt;&lt;property id=&quot;20307&quot; value=&quot;301&quot;/&gt;&lt;/object&gt;&lt;object type=&quot;3&quot; unique_id=&quot;225316&quot;&gt;&lt;property id=&quot;20148&quot; value=&quot;5&quot;/&gt;&lt;property id=&quot;20300&quot; value=&quot;スライド 10 - &amp;quot;2. ネットのイラストはだれのもの？&amp;quot;&quot;/&gt;&lt;property id=&quot;20307&quot; value=&quot;302&quot;/&gt;&lt;/object&gt;&lt;object type=&quot;3&quot; unique_id=&quot;225317&quot;&gt;&lt;property id=&quot;20148&quot; value=&quot;5&quot;/&gt;&lt;property id=&quot;20300&quot; value=&quot;スライド 11 - &amp;quot;2. ネットのイラストはだれのもの？&amp;quot;&quot;/&gt;&lt;property id=&quot;20307&quot; value=&quot;303&quot;/&gt;&lt;/object&gt;&lt;object type=&quot;3&quot; unique_id=&quot;225318&quot;&gt;&lt;property id=&quot;20148&quot; value=&quot;5&quot;/&gt;&lt;property id=&quot;20300&quot; value=&quot;スライド 13 - &amp;quot;3. 名前、住所、写真を公開しない&amp;quot;&quot;/&gt;&lt;property id=&quot;20307&quot; value=&quot;304&quot;/&gt;&lt;/object&gt;&lt;object type=&quot;3&quot; unique_id=&quot;225319&quot;&gt;&lt;property id=&quot;20148&quot; value=&quot;5&quot;/&gt;&lt;property id=&quot;20300&quot; value=&quot;スライド 14 - &amp;quot;3. 名前、住所、写真を公開しない&amp;quot;&quot;/&gt;&lt;property id=&quot;20307&quot; value=&quot;305&quot;/&gt;&lt;/object&gt;&lt;object type=&quot;3&quot; unique_id=&quot;225320&quot;&gt;&lt;property id=&quot;20148&quot; value=&quot;5&quot;/&gt;&lt;property id=&quot;20300&quot; value=&quot;スライド 16 - &amp;quot;3. 名前、住所、写真を公開しない&amp;quot;&quot;/&gt;&lt;property id=&quot;20307&quot; value=&quot;306&quot;/&gt;&lt;/object&gt;&lt;object type=&quot;3&quot; unique_id=&quot;225321&quot;&gt;&lt;property id=&quot;20148&quot; value=&quot;5&quot;/&gt;&lt;property id=&quot;20300&quot; value=&quot;スライド 17 - &amp;quot;3. 名前、住所、写真を公開しない&amp;quot;&quot;/&gt;&lt;property id=&quot;20307&quot; value=&quot;307&quot;/&gt;&lt;/object&gt;&lt;object type=&quot;3&quot; unique_id=&quot;225322&quot;&gt;&lt;property id=&quot;20148&quot; value=&quot;5&quot;/&gt;&lt;property id=&quot;20300&quot; value=&quot;スライド 19 - &amp;quot;4. 知らない人からのメール&amp;quot;&quot;/&gt;&lt;property id=&quot;20307&quot; value=&quot;308&quot;/&gt;&lt;/object&gt;&lt;object type=&quot;3&quot; unique_id=&quot;225323&quot;&gt;&lt;property id=&quot;20148&quot; value=&quot;5&quot;/&gt;&lt;property id=&quot;20300&quot; value=&quot;スライド 20 - &amp;quot;4. 知らない人からのメール&amp;quot;&quot;/&gt;&lt;property id=&quot;20307&quot; value=&quot;309&quot;/&gt;&lt;/object&gt;&lt;object type=&quot;3&quot; unique_id=&quot;225324&quot;&gt;&lt;property id=&quot;20148&quot; value=&quot;5&quot;/&gt;&lt;property id=&quot;20300&quot; value=&quot;スライド 21 - &amp;quot;4. 知らない人からのメール&amp;quot;&quot;/&gt;&lt;property id=&quot;20307&quot; value=&quot;310&quot;/&gt;&lt;/object&gt;&lt;object type=&quot;3&quot; unique_id=&quot;225325&quot;&gt;&lt;property id=&quot;20148&quot; value=&quot;5&quot;/&gt;&lt;property id=&quot;20300&quot; value=&quot;スライド 22 - &amp;quot;4. 知らない人からのメール&amp;quot;&quot;/&gt;&lt;property id=&quot;20307&quot; value=&quot;311&quot;/&gt;&lt;/object&gt;&lt;object type=&quot;3&quot; unique_id=&quot;225524&quot;&gt;&lt;property id=&quot;20148&quot; value=&quot;5&quot;/&gt;&lt;property id=&quot;20300&quot; value=&quot;スライド 1 - &amp;quot;情報モラル教育&amp;quot;&quot;/&gt;&lt;property id=&quot;20307&quot; value=&quot;313&quot;/&gt;&lt;/object&gt;&lt;object type=&quot;3&quot; unique_id=&quot;228223&quot;&gt;&lt;property id=&quot;20148&quot; value=&quot;5&quot;/&gt;&lt;property id=&quot;20300&quot; value=&quot;スライド 12 - &amp;quot;第3話 名前、住所、写真を 公開しない&amp;quot;&quot;/&gt;&lt;property id=&quot;20307&quot; value=&quot;316&quot;/&gt;&lt;/object&gt;&lt;object type=&quot;3&quot; unique_id=&quot;228225&quot;&gt;&lt;property id=&quot;20148&quot; value=&quot;5&quot;/&gt;&lt;property id=&quot;20300&quot; value=&quot;スライド 23 - &amp;quot;第5話 パスワード管理&amp;quot;&quot;/&gt;&lt;property id=&quot;20307&quot; value=&quot;318&quot;/&gt;&lt;/object&gt;&lt;object type=&quot;3&quot; unique_id=&quot;228227&quot;&gt;&lt;property id=&quot;20148&quot; value=&quot;5&quot;/&gt;&lt;property id=&quot;20300&quot; value=&quot;スライド 34 - &amp;quot;第7話 インターネットを 使うときのルール&amp;quot;&quot;/&gt;&lt;property id=&quot;20307&quot; value=&quot;320&quot;/&gt;&lt;/object&gt;&lt;object type=&quot;3&quot; unique_id=&quot;228228&quot;&gt;&lt;property id=&quot;20148&quot; value=&quot;5&quot;/&gt;&lt;property id=&quot;20300&quot; value=&quot;スライド 40 - &amp;quot;第8話 ネットゲームの 　やり過ぎはダメ！ 　（有料アイテム）&amp;quot;&quot;/&gt;&lt;property id=&quot;20307&quot; value=&quot;321&quot;/&gt;&lt;/object&gt;&lt;object type=&quot;3&quot; unique_id=&quot;228769&quot;&gt;&lt;property id=&quot;20148&quot; value=&quot;5&quot;/&gt;&lt;property id=&quot;20300&quot; value=&quot;スライド 15 - &amp;quot;3. 名前、住所、写真を公開しない&amp;quot;&quot;/&gt;&lt;property id=&quot;20307&quot; value=&quot;323&quot;/&gt;&lt;/object&gt;&lt;object type=&quot;3&quot; unique_id=&quot;230173&quot;&gt;&lt;property id=&quot;20148&quot; value=&quot;5&quot;/&gt;&lt;property id=&quot;20300&quot; value=&quot;スライド 2 - &amp;quot;第1話 インターネットの 情報は正しいの？&amp;quot;&quot;/&gt;&lt;property id=&quot;20307&quot; value=&quot;325&quot;/&gt;&lt;/object&gt;&lt;object type=&quot;3&quot; unique_id=&quot;230789&quot;&gt;&lt;property id=&quot;20148&quot; value=&quot;5&quot;/&gt;&lt;property id=&quot;20300&quot; value=&quot;スライド 18 - &amp;quot;第4話  知らない人からの メール&amp;quot;&quot;/&gt;&lt;property id=&quot;20307&quot; value=&quot;328&quot;/&gt;&lt;/object&gt;&lt;object type=&quot;3&quot; unique_id=&quot;230790&quot;&gt;&lt;property id=&quot;20148&quot; value=&quot;5&quot;/&gt;&lt;property id=&quot;20300&quot; value=&quot;スライド 28 - &amp;quot;第6話 悪口を書かない&amp;quot;&quot;/&gt;&lt;property id=&quot;20307&quot; value=&quot;329&quot;/&gt;&lt;/object&gt;&lt;object type=&quot;3&quot; unique_id=&quot;231045&quot;&gt;&lt;property id=&quot;20148&quot; value=&quot;5&quot;/&gt;&lt;property id=&quot;20300&quot; value=&quot;スライド 7 - &amp;quot;第2話 ネットのイラストは だれのもの？&amp;quot;&quot;/&gt;&lt;property id=&quot;20307&quot; value=&quot;330&quot;/&gt;&lt;/object&gt;&lt;/object&gt;&lt;object type=&quot;8&quot; unique_id=&quot;215459&quot;&gt;&lt;/object&gt;&lt;/object&gt;&lt;/database&gt;"/>
  <p:tag name="ARTICULATE_SLIDE_COUNT" val="46"/>
  <p:tag name="ISPRING_ULTRA_SCORM_COURSE_ID" val="0B614A66-4F9C-4121-B07A-BA9DFF81A28D"/>
  <p:tag name="ISPRING_SCORM_RATE_SLIDES" val="1"/>
  <p:tag name="ISPRING_PLAYERS_CUSTOMIZATION" val="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"/>
  <p:tag name="ISPRING_SCORM_PASSING_SCORE" val="100.000000"/>
  <p:tag name="ARTICULATE_PROJECT_OPEN" val="0"/>
  <p:tag name="SECTOMILLISECCONVERTED" val="1"/>
  <p:tag name="ISPRING_RESOURCE_PATHS_HASH_PRESENTER" val="e31dbc6a9c535b5e48547a39e13b89222d51ed"/>
  <p:tag name="ISPRING_LMS_API_VERSION" val="SCORM 2004 (4th edition)"/>
  <p:tag name="ISPRING_ULTRA_SCORM_COURCE_TITLE" val="情報モラル教育　小学校低学年　第6話"/>
  <p:tag name="ISPRING_CMI5_LAUNCH_METHOD" val="any window"/>
  <p:tag name="ISPRINGCLOUDFOLDERID" val="1"/>
  <p:tag name="ISPRINGONLINEFOLDERID" val="1"/>
  <p:tag name="ISPRING_OUTPUT_FOLDER" val="[[&quot;\uFFFD\\\uFFFD{C8200F90-E3A9-4BA9-88CD-9E9515C25619}&quot;,&quot;C:\\Users\\s-shirochika\\Documents\\01_job\\202210_徳島\\05_iSpring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PRESENTATION_TITLE" val="情報モラル教育　小学校低学年　第6話"/>
  <p:tag name="ISPRING_FIRST_PUBLISH" val="1"/>
  <p:tag name="ISPRING-SUITE_ISPRING_CURRENT_PLAYER_ID" val="universal"/>
  <p:tag name="ISPRING_PRESENTATION_COURSE_TITLE" val="情報モラル教育　小学校低学年　第6話"/>
  <p:tag name="ISPRING-SUITE_ISPRING_PLAYERS_CUSTOMIZATION_2" val="{&quot;universal&quot;:{&quot;skinSettings&quot;:{&quot;borderRadius&quot;:10,&quot;colors&quot;:{&quot;asideBackground&quot;:{&quot;color&quot;:&quot;#FFFFFF&quot;,&quot;opacity&quot;:1,&quot;type&quot;:&quot;SOLID&quot;},&quot;asideElementBackgroundActive&quot;:{&quot;color&quot;:&quot;#398549&quot;,&quot;opacity&quot;:1,&quot;type&quot;:&quot;SOLID&quot;},&quot;asideElementBackgroundHover&quot;:{&quot;color&quot;:&quot;#BDFFA4&quot;,&quot;opacity&quot;:1,&quot;type&quot;:&quot;SOLID&quot;},&quot;asideElementText&quot;:{&quot;color&quot;:&quot;#727272&quot;,&quot;opacity&quot;:1,&quot;type&quot;:&quot;SOLID&quot;},&quot;asideElementTextActive&quot;:{&quot;color&quot;:&quot;#FFFFFF&quot;,&quot;opacity&quot;:1,&quot;type&quot;:&quot;SOLID&quot;},&quot;asideElementTextHover&quot;:{&quot;color&quot;:&quot;#4D4D4D&quot;,&quot;opacity&quot;:1,&quot;type&quot;:&quot;SOLID&quot;},&quot;asideLogoBackground&quot;:{&quot;color&quot;:&quot;#FFFFFF&quot;,&quot;opacity&quot;:1,&quot;type&quot;:&quot;SOLID&quot;},&quot;pageBackground&quot;:{&quot;color&quot;:&quot;#B2C4B2&quot;,&quot;opacity&quot;:1,&quot;type&quot;:&quot;SOLID&quot;},&quot;playerBackground&quot;:{&quot;color&quot;:&quot;#E2EBE2&quot;,&quot;opacity&quot;:1,&quot;type&quot;:&quot;SOLID&quot;},&quot;playerText&quot;:{&quot;color&quot;:&quot;#4D4D4D&quot;,&quot;opacity&quot;:1,&quot;type&quot;:&quot;SOLID&quot;},&quot;primaryButtonBackground&quot;:{&quot;color&quot;:&quot;#209B35&quot;,&quot;opacity&quot;:1,&quot;type&quot;:&quot;SOLID&quot;},&quot;primaryButtonBackgroundHover&quot;:{&quot;color&quot;:&quot;#25B73E&quot;,&quot;opacity&quot;:1,&quot;type&quot;:&quot;SOLID&quot;},&quot;primaryButtonBorder&quot;:{&quot;color&quot;:&quot;#209B35&quot;,&quot;opacity&quot;:1,&quot;type&quot;:&quot;SOLID&quot;},&quot;primaryButtonBorderHover&quot;:{&quot;color&quot;:&quot;#25B73E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209B35&quot;,&quot;opacity&quot;:1,&quot;type&quot;:&quot;SOLID&quot;},&quot;secondaryButtonBackgroundHover&quot;:{&quot;color&quot;:&quot;#25B73E&quot;,&quot;opacity&quot;:1,&quot;type&quot;:&quot;SOLID&quot;},&quot;secondaryButtonBorder&quot;:{&quot;color&quot;:&quot;#209B35&quot;,&quot;opacity&quot;:1,&quot;type&quot;:&quot;SOLID&quot;},&quot;secondaryButtonBorderHover&quot;:{&quot;color&quot;:&quot;#25B73E&quot;,&quot;opacity&quot;:1,&quot;type&quot;:&quot;SOLID&quot;},&quot;secondaryButtonText&quot;:{&quot;color&quot;:&quot;#FFFFFF&quot;,&quot;opacity&quot;:1,&quot;type&quot;:&quot;SOLID&quot;},&quot;secondaryButtonTextHover&quot;:{&quot;color&quot;:&quot;#FFFFFF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true,&quot;showPlayPause&quot;:true,&quot;showPlaybackRateButton&quot;:false,&quot;showPrevButton&quot;:true,&quot;showRewind&quot;:true,&quot;showSlideNumbers&quot;:true,&quot;showSlideOnlyButton&quot;:true,&quot;showVolumeControl&quot;:false,&quot;visible&quot;:true},&quot;fontFamily&quot;:&quot;Meiryo UI&quot;,&quot;miniskinCustomizationEnabled&quot;:true,&quot;outlinePanel&quot;:{&quot;highlightViewedEntries&quot;:true,&quot;multilevel&quot;:true,&quot;numberEntries&quot;:fals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],&quot;buttonsAtLeft&quot;:true,&quot;courseTitleVisible&quot;:false,&quot;showLogo&quot;:false,&quot;visible&quot;:false},&quot;version&quot;:&quot;1.0&quot;},&quot;skinMessages&quot;:{&quot;PB_ACCESSIBLE_ARIA_LABEL_BACK_TO_BEGIN&quot;:&quot;スライドの最初に戻る&quot;,&quot;PB_ACCESSIBLE_ARIA_LABEL_BOTTOM_PANEL&quot;:&quot;ボトムバー&quot;,&quot;PB_ACCESSIBLE_ARIA_LABEL_NAVIGATION_BUTTONS&quot;:&quot;ナビゲーションボタン&quot;,&quot;PB_ACCESSIBLE_ARIA_LABEL_SETTINGS&quot;:&quot;アクセシビリティの設定&quot;,&quot;PB_ACCESSIBLE_ARIA_LABEL_SLIDE&quot;:&quot;スライド&quot;,&quot;PB_ACCESSIBLE_ARIA_LABEL_TOP_PANEL&quot;:&quot;トップバー&quot;,&quot;PB_ACCESSIBLE_AUDIO_NARRATION_LABEL&quot;:&quot;音声ナレーション&quot;,&quot;PB_ACCESSIBLE_NAVIGATION_NEXT_BUTTON&quot;:&quot;次へ&quot;,&quot;PB_ACCESSIBLE_NAVIGATION_PREV_BUTTON&quot;:&quot;前&quot;,&quot;PB_ACCESSIBLE_PLAYER_SCENARIO_NOT_SUPPORTED&quot;:&quot;このシミュレーションは、アクセシビリティモードに対応していません&quot;,&quot;PB_ACCESSIBLE_SKIN_ENABLE_ACCESSIBILITY_MODE&quot;:&quot;アクセシビリティモードをオンにする&quot;,&quot;PB_ACCESSIBLE_SKIN_ENABLE_NORMAL_MODE&quot;:&quot;アクセシビリティモードをオフにする&quot;,&quot;PB_ACCESSIBLE_SKIN_PRESENTER_PHOTO&quot;:&quot;プレゼンター写真&quot;,&quot;PB_ACCESSIBLE_SLIDE_N_OF_COUNT&quot;:&quot;スライド%SLIDE_NUMBER%\/%TOTAL_SLIDES%&quot;,&quot;PB_ACCESSIBLE_VIDEO_NARRATION_LABEL&quot;:&quot;ビデオナレーション&quot;,&quot;PB_ACCESSIBLE_WATERMARK_SKIN_CREATED_WITH&quot;:&quot;iSpring評価版で作成&quot;,&quot;PB_ATTACHMENT_DOCUMENT_SUBTITLE&quot;:&quot;文書&quot;,&quot;PB_ATTACHMENT_FILE_SUBTITLE&quot;:&quot;ファイル&quot;,&quot;PB_ATTACHMENT_IMAGE_SUBTITLE&quot;:&quot;画像&quot;,&quot;PB_ATTACHMENT_LINK_SUBTITLE&quot;:&quot;リンク&quot;,&quot;PB_ATTACHMENT_VIDEO_SUBTITLE&quot;:&quot;ビデオ&quot;,&quot;PB_BACK_TO_APP_BUTTON_LABEL&quot;:&quot;戻る&quot;,&quot;PB_CC_MENU_OFF&quot;:&quot;オフ&quot;,&quot;PB_CC_MENU_ON&quot;:&quot;オン&quot;,&quot;PB_CC_MENU_TITLE&quot;:&quot;メモ&quot;,&quot;PB_COMPANY_LOGO_BIG&quot;:&quot;企業ロゴ(268x156)&quot;,&quot;PB_COMPANY_LOGO_SMALL&quot;:&quot;企業ロゴ (268x50)&quot;,&quot;PB_CONTROL_PANEL_EXIT_FULL_SCREEN&quot;:&quot;フルスクリーンを終了&quot;,&quot;PB_CONTROL_PANEL_FULL_SCREEN&quot;:&quot;フルスクリーン&quot;,&quot;PB_CONTROL_PANEL_NEXT&quot;:&quot;次へ&quot;,&quot;PB_CONTROL_PANEL_OUTLINE&quot;:&quot;目次&quot;,&quot;PB_CONTROL_PANEL_PREV&quot;:&quot;前へ&quot;,&quot;PB_CONTROL_PANEL_REPLAY&quot;:&quot;リプレイ&quot;,&quot;PB_CONTROL_PANEL_SLIDE_COUNTER&quot;:&quot;%SLIDE_NUMBER%\/%TOTAL_SLIDES%&quot;,&quot;PB_CONTROL_PANEL_VOLUME_CONTROL&quot;:&quot;ボリューム:&quot;,&quot;PB_CURRENT_SLIDE_IS_NOT_COMPLETED&quot;:&quot;全てのスライドを見てください&quot;,&quot;PB_DOMAIN_RESTRICTION&quot;:&quot;プレゼンテーションの制作者がこのドメインからの閲覧を無効にしました。申し訳ございません。&quot;,&quot;PB_DOWNLOAD_APP_MESSAGE&quot;:&quot;このプレゼンテーションをビデオでご覧になるには、iOSアプリケーション「iSpring Play」（無料）をダウンロードしてください。&quot;,&quot;PB_DRAWING_TOOLS_END_DRAWING&quot;:&quot;ドローイングの終了&quot;,&quot;PB_DRAWING_TOOLS_ERASER&quot;:&quot;消しゴム&quot;,&quot;PB_DRAWING_TOOLS_ERASE_ALL&quot;:&quot;全て消去&quot;,&quot;PB_DRAWING_TOOLS_HIGHLIGHTER&quot;:&quot;ハイライト&quot;,&quot;PB_DRAWING_TOOLS_PEN&quot;:&quot;ペン&quot;,&quot;PB_ENTER_PASSWORD&quot;:&quot;プレゼンテーションを見るにはパスワードを入力します&quot;,&quot;PB_INCORRECT_PASSWORD&quot;:&quot;パスワードが正しくありません&quot;,&quot;PB_INTERACTION_SLIDE_WINDOW_TEXT&quot;:&quot;このスライドを離れる前に、インタラクションを完了させる必要があります。&quot;,&quot;PB_LAUNCH_BTN_LABEL&quot;:&quot;起動&quot;,&quot;PB_LAUNCH_IN_APP_MESSAGE&quot;:&quot;ビデオでご覧になる場合は、iSpring Playをご利用ください。&quot;,&quot;PB_MESSAGE_BOX_NO&quot;:&quot;いいえ&quot;,&quot;PB_MESSAGE_BOX_OK&quot;:&quot;OK&quot;,&quot;PB_MESSAGE_BOX_YES&quot;:&quot;はい&quot;,&quot;PB_NAVIGATION_IS_RESTRICTED&quot;:&quot;参照済スライドのみにアクセス可能&quot;,&quot;PB_NAVIGATION_IS_SEQUENTIAL&quot;:&quot;スライドは規定の順序で参照してください&quot;,&quot;PB_PLAYBACK_RATE_MENU_CAPTION&quot;:&quot;速度&quot;,&quot;PB_PRECEDING_QUIZ_FAILED_WINDOW_TEXT&quot;:&quot;スライド %SLIDE_INDEX% の問題が不正解のため、先に進めません。&quot;,&quot;PB_PRECEDING_QUIZ_NOT_COMPLETED_WINDOW_TEXT&quot;:&quot;先に進むには、スライド %SLIDE_INDEX% の問題に解答してください。&quot;,&quot;PB_PRECEDING_QUIZ_NOT_PASSED_WINDOW_TEXT&quot;:&quot;先に進むには、スライド %SLIDE_INDEX% の問題を正解する必要があります。&quot;,&quot;PB_PRECEDING_SCENARIO_FAILED_WINDOW_TEXT&quot;:&quot;スライド %SLIDE_INDEX% の対話に失格しましたので進めません&quot;,&quot;PB_PRECEDING_SCENARIO_NOT_COMPLETED_WINDOW_TEXT&quot;:&quot;進めるにはスライド %SLIDE_INDEX% で対話をしなければなりません&quot;,&quot;PB_PRECEDING_SCENARIO_NOT_PASSED_WINDOW_TEXT&quot;:&quot;進めるにはスライド %SLIDE_INDEX% の対話に合格しなければなりません&quot;,&quot;PB_PRESENTER_COLLAPSE_BIO&quot;:&quot;少なく表示&quot;,&quot;PB_PRESENTER_EMAIL&quot;:&quot;電子メール&quot;,&quot;PB_PRESENTER_EXPAND_BIO&quot;:&quot;もっと表示&quot;,&quot;PB_PRESENTER_HIDE_BIO&quot;:&quot;隠す&quot;,&quot;PB_PRESENTER_INFO&quot;:&quot;プレゼンター情報&quot;,&quot;PB_PRESENTER_NO_INFO&quot;:&quot;プレゼンター情報がありません&quot;,&quot;PB_PRESENTER_SHOW_BIO&quot;:&quot;もっと見る&quot;,&quot;PB_PRESENTER_VIDEO&quot;:&quot;プレゼンター・ビデオ&quot;,&quot;PB_PRESENTER_WEBSITE&quot;:&quot;Web サイト&quot;,&quot;PB_QUIZ_SLIDE_WINDOW_TEXT&quot;:&quot;このスライドから移動する前に問題を完了してください。&quot;,&quot;PB_RATE_MENU_CAPTION&quot;:&quot;速度&quot;,&quot;PB_RATE_MENU_DEFAULT_RATE&quot;:&quot;普通&quot;,&quot;PB_RESTRICTION_MESSAGE_BOX_TITLE&quot;:&quot;操作が制限されています&quot;,&quot;PB_RESUME_PRESENTATION_WINDOW_TEXT&quot;:&quot;最後に見たスライドから再開しますか？&quot;,&quot;PB_RESUME_PRESENTATION_WINDOW_TITLE&quot;:&quot;プレゼンテーションの再開&quot;,&quot;PB_SCENARIO_SLIDE_WINDOW_TEXT&quot;:&quot;このスライドから移動する前に対話を完了させる必要があります。&quot;,&quot;PB_SEARCH_CANCEL&quot;:&quot;キャンセル&quot;,&quot;PB_SEARCH_NO_RESULTS_LABEL&quot;:&quot;マッチしません&quot;,&quot;PB_SEARCH_PANEL_DEFAULT_TEXT&quot;:&quot;検索...&quot;,&quot;PB_SEARCH_RESULTS_LABEL&quot;:&quot;検索結果：&quot;,&quot;PB_SEARCH_RESULT_IN_NOTES&quot;:&quot;メモで&quot;,&quot;PB_SEARCH_RESULT_IN_TEXT_LABEL&quot;:&quot;スライドで&quot;,&quot;PB_SUBTITLES_MENU_CAPTION&quot;:&quot;字幕&quot;,&quot;PB_SUBTITLES_OFF&quot;:&quot;オフ&quot;,&quot;PB_TAB_NOTES_LABEL&quot;:&quot;メモ&quot;,&quot;PB_TAB_OUTLINE_LABEL&quot;:&quot;目次&quot;,&quot;PB_TIME_RESTRICTION&quot;:&quot;プレゼンテーションの制作者が一時的に閲覧を無効にしました。申し訳ございません。&quot;,&quot;PB_TITLE_PANEL_ATTACHMENTS&quot;:&quot;リソース&quot;,&quot;PB_TITLE_PANEL_DEFAULT_COURSE_TITLE&quot;:&quot;コースタイトル例&quot;,&quot;PB_TITLE_PANEL_MARKER_TOOLS&quot;:&quot;マーカーツール&quot;,&quot;PB_TITLE_PANEL_NOTES&quot;:&quot;メモ&quot;,&quot;PB_TITLE_PANEL_OUTLINE&quot;:&quot;アウトライン&quot;,&quot;PB_TITLE_PANEL_PRESENTER_INFO&quot;:&quot;プレゼンター情報&quot;,&quot;PB_TOOLTIP_ADD_LOGO&quot;:&quot;クリックして企業ロゴを追加&quot;,&quot;PB_TOOLTIP_CHANGE_LOGO&quot;:&quot;クリックして企業ロゴを追加&quot;,&quot;PB_TREE_CONTROL_LOADING&quot;:&quot;ロード中…&quot;,&quot;PB_VIDEO_WINDOW_NO_VIDEO_LABEL&quot;:&quot;ビデオがありません&quot;},&quot;playbackAndNavigationSettings&quot;:{&quot;autoStart&quot;:true,&quot;saveAnimationStates&quot;:false,&quot;loopPresentation&quot;:false,&quot;autoPlayAnimations&quot;:false,&quot;autoPlayAnimationsTime&quot;:1,&quot;navigationType&quot;:&quot;FREE&quot;,&quot;resumeMode&quot;:&quot;PROMPT&quot;,&quot;enableKeyboardNavigation&quot;:false},&quot;keyboardSettings&quot;:&quot;&quot;,&quot;skinVersion&quot;:1,&quot;skinCompatibleVersion&quot;:0,&quot;publishSettings&quot;:{&quot;backgroundColor&quot;:&quot;#B2C4B2&quot;,&quot;playerDimensions&quot;:{&quot;height&quot;:7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&quot;,&quot;fontFamily&quot;:&quot;Meiryo UI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&quot;,&quot;fontFamily&quot;:&quot;Meiryo UI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i&quot;,&quot;fontFamily&quot;:&quot;Meiryo UI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i&quot;,&quot;fontFamily&quot;:&quot;Meiryo UI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&quot;,&quot;fontFamily&quot;:&quot;Meiryo UI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i&quot;,&quot;fontFamily&quot;:&quot;Meiryo UI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ADVANCE_TIME" val="1.000"/>
  <p:tag name="ISPRING_SLIDE_INDENT_LEVEL" val="0"/>
  <p:tag name="ISPRING_CUSTOM_TIMING_USED" val="0"/>
  <p:tag name="GENSWF_SLIDE_UID" val="{DCF2FFF6-F610-4F48-8528-F859B642A446}:329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80A1F3FE-07DC-4DCB-9477-F5EDE449CDB5}:28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07938987-61CA-47B7-909A-11B13B7F5E29}:28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BA88D79D-78AE-4E8A-B9DF-8011DA72C2DB}:28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45629BC5-989B-4202-A2CD-B043FD52D96F}:289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88EACC8E-2F68-4B2D-9304-1BE7B0343E37}:290"/>
</p:tagLst>
</file>

<file path=ppt/theme/theme1.xml><?xml version="1.0" encoding="utf-8"?>
<a:theme xmlns:a="http://schemas.openxmlformats.org/drawingml/2006/main" name="Office テーマ">
  <a:themeElements>
    <a:clrScheme name="Office テーマ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テーマ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テーマ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95000"/>
          </a:schemeClr>
        </a:solidFill>
        <a:ln>
          <a:solidFill>
            <a:schemeClr val="tx1"/>
          </a:solidFill>
        </a:ln>
        <a:scene3d>
          <a:camera prst="orthographicFront">
            <a:rot lat="0" lon="0" rev="0"/>
          </a:camera>
          <a:lightRig rig="threePt" dir="t"/>
        </a:scene3d>
      </a:spPr>
      <a:bodyPr rtlCol="0" anchor="ctr"/>
      <a:lstStyle>
        <a:defPPr algn="ctr">
          <a:defRPr kumimoji="1" dirty="0"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none" rtlCol="0">
        <a:spAutoFit/>
      </a:bodyPr>
      <a:lstStyle>
        <a:defPPr algn="ctr">
          <a:defRPr sz="1200" b="1" dirty="0">
            <a:solidFill>
              <a:schemeClr val="bg1"/>
            </a:solidFill>
            <a:latin typeface="メイリオ" panose="020B0604030504040204" pitchFamily="50" charset="-128"/>
            <a:ea typeface="メイリオ" panose="020B0604030504040204" pitchFamily="50" charset="-128"/>
            <a:cs typeface="メイリオ" panose="020B0604030504040204" pitchFamily="50" charset="-128"/>
          </a:defRPr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​​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游ゴシック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游ゴシック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6908</TotalTime>
  <Words>437</Words>
  <Application>Microsoft Office PowerPoint</Application>
  <PresentationFormat>画面に合わせる (4:3)</PresentationFormat>
  <Paragraphs>86</Paragraphs>
  <Slides>6</Slides>
  <Notes>6</Notes>
  <HiddenSlides>0</HiddenSlides>
  <MMClips>0</MMClips>
  <ScaleCrop>false</ScaleCrop>
  <HeadingPairs>
    <vt:vector size="6" baseType="variant">
      <vt:variant>
        <vt:lpstr>使用されているフォント</vt:lpstr>
      </vt:variant>
      <vt:variant>
        <vt:i4>6</vt:i4>
      </vt:variant>
      <vt:variant>
        <vt:lpstr>テーマ</vt:lpstr>
      </vt:variant>
      <vt:variant>
        <vt:i4>1</vt:i4>
      </vt:variant>
      <vt:variant>
        <vt:lpstr>スライド タイトル</vt:lpstr>
      </vt:variant>
      <vt:variant>
        <vt:i4>6</vt:i4>
      </vt:variant>
    </vt:vector>
  </HeadingPairs>
  <TitlesOfParts>
    <vt:vector size="13" baseType="lpstr">
      <vt:lpstr>Meiryo UI</vt:lpstr>
      <vt:lpstr>メイリオ</vt:lpstr>
      <vt:lpstr>游ゴシック</vt:lpstr>
      <vt:lpstr>Arial</vt:lpstr>
      <vt:lpstr>Calibri</vt:lpstr>
      <vt:lpstr>Calibri Light</vt:lpstr>
      <vt:lpstr>Office テーマ</vt:lpstr>
      <vt:lpstr>だい6話 悪口を書かない</vt:lpstr>
      <vt:lpstr>6. 悪口を書かない</vt:lpstr>
      <vt:lpstr>6. 悪口を書かない</vt:lpstr>
      <vt:lpstr>6. 悪口を書かない</vt:lpstr>
      <vt:lpstr>6. 悪口を書かない</vt:lpstr>
      <vt:lpstr>6. 悪口を書かない</vt:lpstr>
    </vt:vector>
  </TitlesOfParts>
  <Company>MouseComputer PC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情報モラル教育　小学校低学年　第6話</dc:title>
  <cp:lastModifiedBy>城近 小夜子</cp:lastModifiedBy>
  <cp:revision>462</cp:revision>
  <cp:lastPrinted>2016-03-08T03:51:44Z</cp:lastPrinted>
  <dcterms:created xsi:type="dcterms:W3CDTF">2016-01-27T02:00:48Z</dcterms:created>
  <dcterms:modified xsi:type="dcterms:W3CDTF">2022-11-02T00:26:4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25C82281-62A0-45BF-B44E-D70073C3FE43</vt:lpwstr>
  </property>
  <property fmtid="{D5CDD505-2E9C-101B-9397-08002B2CF9AE}" pid="3" name="ArticulatePath">
    <vt:lpwstr>プレゼンテーション1</vt:lpwstr>
  </property>
</Properties>
</file>